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9" r:id="rId2"/>
    <p:sldId id="266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2251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38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30201B-ED88-4FDA-9CD3-606A71FF88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8162C5-4ADA-4CCD-A99E-FBC3E5C6CC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43C9A3-E5A9-415C-B849-E0FCD9FF07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3CD101-6293-4EE0-922C-E7CEFCEFDE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98765-7D1A-4912-8C38-343B35C88F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038262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2BE72-8974-4636-95E4-6C7BB54208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144FD7D-B61C-40E9-99F9-9F4E32731E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8700AD-F1AF-437E-94B8-7D9C59EFA7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629DF2-BF13-4F90-B095-3D6100D1A2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C7239B-9245-4F71-8DEF-3BBA5572D2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322903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C765F41-3490-4CF2-8B41-AAFCD3D46AB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1068E2-26AE-4D28-BEF3-ED6C0F0249D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35A269-9974-4D43-B3AF-ABFD8C6E39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38A4ED-4E61-41E7-A48F-D6088B8E03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B16931-C77A-438C-A3FC-13A020513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64976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DED24B-6EC8-442D-9711-584B47D2D5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2D0494-5814-468F-9833-CB8E5E8AF9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CF8281-2126-4B4A-B318-73EE498FEA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D70BB5-F583-4412-8B64-92AAABF2A3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1B66B2-641B-46FD-BD02-9CD8FD957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166461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B5C6A-A365-487D-A04E-B8851CF9E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7CC9D7-1023-48A5-AE8D-F427ACF24D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E7EA60-F1C1-4619-A661-94504323D8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F4C57-A948-48BF-A14E-C9EE731D82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044712-422E-4E4F-9180-3CEE478AE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598843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32E24-65BA-4994-9003-D0D70FF1B8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513C73-52AE-4800-8DEA-511D6CC881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932335-A129-45E0-8BF7-093B3D7DA1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080BC8-9AFE-4F22-9ED7-6D275AAA2D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238D86-362F-4381-9994-B2E7DDB83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D9C5F6-E0B0-4C35-B422-D5B8714FA3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1479877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52ECCC-7481-42CF-A197-9906674869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14AF09-3ED0-481E-9E6D-D320A518B8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9E4F9DE-D8C9-4564-9AA8-7ABDCE23A5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060231D-8023-4833-8F6E-075B5264D97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25E81E-5302-4676-8916-EF1E98EBD7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F342689-6848-470D-B8E7-CF58C380B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87352AB-8B9B-45F7-99AC-87B28F7A03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D255EA-8C60-484D-AB49-C5218DB343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05890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D408F1-3A8B-451C-9456-9CCBF4673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9C1F488-6002-4D6B-8333-0FCA58519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4DEB39-FEEE-43D5-AC12-24608AC872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677ECF-8BB6-437B-BD51-B7EA4EAE72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406722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924D0AB-89A0-4214-BAC7-B480B43378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814C2DD-EC85-4E03-BF4F-47BE68198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C424E8-4617-4C59-93E1-8EE82A764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04349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51721-F2AD-4C0F-8F48-DB9EC21D7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B3EDC-7455-497C-82A5-09DC32967C8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967725-FB0A-4969-8ADA-E34F0E4819E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9BC9A1-12D1-4309-B83D-1CF6C67754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4435E0-F353-43D9-9A8A-C59223D68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7A1C9-2B7B-4B19-9234-894EDD5F3E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939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35B2DB-023D-4C48-BDC7-2AB48E825F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9992A63-DA87-487C-B81E-02DD7129CB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A51B7ED-86F9-4022-BD04-AD30910E1D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FA2579-0511-4214-8AA9-584193266F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BAA8A1-0C28-4C9C-BA50-588F115AE9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DFD68C-6429-4B7D-B642-9A0AA2C17E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36844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B5388DA-4501-46CE-881A-50DA2FCF2D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769C103-5BF9-4CD3-813C-CD92BD19FB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F5196-D6FE-4440-8DF5-BB67F4F6DF3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933D40-B786-4F80-86E0-B0FA15C46F6B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7B8E1-8D46-4062-BD8B-F4663509E4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73A3D1-EBB7-41AF-AA6D-6BD521BF6FE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7480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2199990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0" name="OTLSHAPE_SL_0fc77891fc7c4ec287ba36bc2363c7e5_BackgroundRectangle">
            <a:extLst>
              <a:ext uri="{FF2B5EF4-FFF2-40B4-BE49-F238E27FC236}">
                <a16:creationId xmlns:a16="http://schemas.microsoft.com/office/drawing/2014/main" id="{59A896D5-B087-49A7-BC05-6B62EB8BAA8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921423"/>
            <a:ext cx="11264900" cy="1680591"/>
          </a:xfrm>
          <a:prstGeom prst="rect">
            <a:avLst/>
          </a:prstGeom>
          <a:solidFill>
            <a:srgbClr val="9DA9A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3" name="OTLSHAPE_SL_58a0aac4aec34f0b95b8c785bf652a75_BackgroundRectangle">
            <a:extLst>
              <a:ext uri="{FF2B5EF4-FFF2-40B4-BE49-F238E27FC236}">
                <a16:creationId xmlns:a16="http://schemas.microsoft.com/office/drawing/2014/main" id="{6CFF0831-6A81-4AF8-A5BF-687F5BCF80E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665514"/>
            <a:ext cx="11264900" cy="1680591"/>
          </a:xfrm>
          <a:prstGeom prst="rect">
            <a:avLst/>
          </a:prstGeom>
          <a:solidFill>
            <a:srgbClr val="9DA9A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SL2A_d797ce9a45ad41388440821da5b155a3_BackgroundRectangle" hidden="1">
            <a:extLst>
              <a:ext uri="{FF2B5EF4-FFF2-40B4-BE49-F238E27FC236}">
                <a16:creationId xmlns:a16="http://schemas.microsoft.com/office/drawing/2014/main" id="{0EC3392F-9AB4-4091-80F4-7938233724F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42865" y="2921423"/>
            <a:ext cx="10591800" cy="168059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2A_7ca7836dee884f2e8c1c968d9832a447_BackgroundRectangle" hidden="1">
            <a:extLst>
              <a:ext uri="{FF2B5EF4-FFF2-40B4-BE49-F238E27FC236}">
                <a16:creationId xmlns:a16="http://schemas.microsoft.com/office/drawing/2014/main" id="{73AE6AF8-1C5E-4692-AD1A-6FDB4586312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42865" y="4665514"/>
            <a:ext cx="10591800" cy="168059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8D93488-8D5F-4B4B-A15E-F8999FF8CAD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45934" y="136407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rgbClr val="BD3A30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CB150F39-1CF3-46A2-B19C-83B92575697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474534" y="135124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rgbClr val="BD3A30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468" name="OTLSHAPE_M_ce2baea0373841e59d64442bfab3fcd0_Connector1">
            <a:extLst>
              <a:ext uri="{FF2B5EF4-FFF2-40B4-BE49-F238E27FC236}">
                <a16:creationId xmlns:a16="http://schemas.microsoft.com/office/drawing/2014/main" id="{A4315722-22B1-478B-9204-92F418FDDA9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930942" y="1340908"/>
            <a:ext cx="0" cy="442172"/>
          </a:xfrm>
          <a:prstGeom prst="line">
            <a:avLst/>
          </a:prstGeom>
          <a:ln w="9525" cap="flat" cmpd="sng" algn="ctr">
            <a:solidFill>
              <a:srgbClr val="43AA8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b3cb0dee30a941b595aaa6af70cd9f04_Connector1">
            <a:extLst>
              <a:ext uri="{FF2B5EF4-FFF2-40B4-BE49-F238E27FC236}">
                <a16:creationId xmlns:a16="http://schemas.microsoft.com/office/drawing/2014/main" id="{125A45A9-8620-4340-91E4-B6F687CE578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242752" y="1340908"/>
            <a:ext cx="0" cy="442172"/>
          </a:xfrm>
          <a:prstGeom prst="line">
            <a:avLst/>
          </a:prstGeom>
          <a:ln w="9525" cap="flat" cmpd="sng" algn="ctr">
            <a:solidFill>
              <a:srgbClr val="43AA8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M_6e1bbe3303c84389a6c6927150b74804_Connector1">
            <a:extLst>
              <a:ext uri="{FF2B5EF4-FFF2-40B4-BE49-F238E27FC236}">
                <a16:creationId xmlns:a16="http://schemas.microsoft.com/office/drawing/2014/main" id="{9A60D7B0-8AC7-4089-8136-6E0996C8CDC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416896" y="888365"/>
            <a:ext cx="0" cy="894715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M_6dc2965cfa71454c820c588bc9d487de_Connector1">
            <a:extLst>
              <a:ext uri="{FF2B5EF4-FFF2-40B4-BE49-F238E27FC236}">
                <a16:creationId xmlns:a16="http://schemas.microsoft.com/office/drawing/2014/main" id="{6F86383C-7D40-45E6-9FEE-1F3C6A1D6FB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471683" y="888365"/>
            <a:ext cx="0" cy="894715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6fb7ee9d9c86477dbb03785e5085955d_Connector1">
            <a:extLst>
              <a:ext uri="{FF2B5EF4-FFF2-40B4-BE49-F238E27FC236}">
                <a16:creationId xmlns:a16="http://schemas.microsoft.com/office/drawing/2014/main" id="{95D0FF4F-812C-4B22-A4D5-ED508DEAD32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61830" y="1270381"/>
            <a:ext cx="0" cy="512699"/>
          </a:xfrm>
          <a:prstGeom prst="line">
            <a:avLst/>
          </a:prstGeom>
          <a:ln w="9525" cap="flat" cmpd="sng" algn="ctr">
            <a:solidFill>
              <a:srgbClr val="EF9A1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0" name="OTLSHAPE_TB_00000000000000000000000000000000_ScaleContainer">
            <a:extLst>
              <a:ext uri="{FF2B5EF4-FFF2-40B4-BE49-F238E27FC236}">
                <a16:creationId xmlns:a16="http://schemas.microsoft.com/office/drawing/2014/main" id="{1DB3E54E-C1B9-45A1-A2CF-F4062875291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69865" y="1783080"/>
            <a:ext cx="10464800" cy="381000"/>
          </a:xfrm>
          <a:prstGeom prst="rect">
            <a:avLst/>
          </a:prstGeom>
          <a:solidFill>
            <a:srgbClr val="C0CA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1" name="OTLSHAPE_SL_0fc77891fc7c4ec287ba36bc2363c7e5_HeaderRectangle">
            <a:extLst>
              <a:ext uri="{FF2B5EF4-FFF2-40B4-BE49-F238E27FC236}">
                <a16:creationId xmlns:a16="http://schemas.microsoft.com/office/drawing/2014/main" id="{8FAFF7C4-5C5D-43E4-8CBA-E9B05E39A2D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921423"/>
            <a:ext cx="685800" cy="1680591"/>
          </a:xfrm>
          <a:prstGeom prst="rect">
            <a:avLst/>
          </a:prstGeom>
          <a:solidFill>
            <a:srgbClr val="9DA9A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4" name="OTLSHAPE_SL_58a0aac4aec34f0b95b8c785bf652a75_HeaderRectangle">
            <a:extLst>
              <a:ext uri="{FF2B5EF4-FFF2-40B4-BE49-F238E27FC236}">
                <a16:creationId xmlns:a16="http://schemas.microsoft.com/office/drawing/2014/main" id="{9E9716FF-5F90-47AA-8B24-DD9A57B4E39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665514"/>
            <a:ext cx="685800" cy="1680591"/>
          </a:xfrm>
          <a:prstGeom prst="rect">
            <a:avLst/>
          </a:prstGeom>
          <a:solidFill>
            <a:srgbClr val="9DA9A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OTLSHAPE_SL2A_d797ce9a45ad41388440821da5b155a3_HeaderRectangle" hidden="1">
            <a:extLst>
              <a:ext uri="{FF2B5EF4-FFF2-40B4-BE49-F238E27FC236}">
                <a16:creationId xmlns:a16="http://schemas.microsoft.com/office/drawing/2014/main" id="{04D5E7A4-6A6D-4C90-8007-7CE45D0B331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42865" y="2921423"/>
            <a:ext cx="0" cy="0"/>
          </a:xfrm>
          <a:prstGeom prst="rect">
            <a:avLst/>
          </a:prstGeom>
          <a:solidFill>
            <a:srgbClr val="9DA9A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SL2A_7ca7836dee884f2e8c1c968d9832a447_HeaderRectangle" hidden="1">
            <a:extLst>
              <a:ext uri="{FF2B5EF4-FFF2-40B4-BE49-F238E27FC236}">
                <a16:creationId xmlns:a16="http://schemas.microsoft.com/office/drawing/2014/main" id="{98EE2BF9-A6EC-4B4C-AE4D-53CEC6184CD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42865" y="4665514"/>
            <a:ext cx="0" cy="0"/>
          </a:xfrm>
          <a:prstGeom prst="rect">
            <a:avLst/>
          </a:prstGeom>
          <a:solidFill>
            <a:srgbClr val="9DA9A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9" name="OTLSHAPE_G_00000000000000000000000000000000_ShapeBelow0">
            <a:extLst>
              <a:ext uri="{FF2B5EF4-FFF2-40B4-BE49-F238E27FC236}">
                <a16:creationId xmlns:a16="http://schemas.microsoft.com/office/drawing/2014/main" id="{25F9DE89-DEE1-42A9-845E-CABB3332C35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440095" y="2164080"/>
            <a:ext cx="0" cy="418202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G_00000000000000000000000000000000_ShapeBelow1">
            <a:extLst>
              <a:ext uri="{FF2B5EF4-FFF2-40B4-BE49-F238E27FC236}">
                <a16:creationId xmlns:a16="http://schemas.microsoft.com/office/drawing/2014/main" id="{8314E2B5-ACD4-4C59-A0D5-ECEFDA56AED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096000" y="2164080"/>
            <a:ext cx="0" cy="418202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G_00000000000000000000000000000000_ShapeBelow2">
            <a:extLst>
              <a:ext uri="{FF2B5EF4-FFF2-40B4-BE49-F238E27FC236}">
                <a16:creationId xmlns:a16="http://schemas.microsoft.com/office/drawing/2014/main" id="{5F7DAE24-8119-4D5F-9910-28F901661A8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751905" y="2164080"/>
            <a:ext cx="0" cy="418202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0" name="OTLSHAPE_SLT_08e0bedf0de5468bb66850337b8fdc6a_Shape">
            <a:extLst>
              <a:ext uri="{FF2B5EF4-FFF2-40B4-BE49-F238E27FC236}">
                <a16:creationId xmlns:a16="http://schemas.microsoft.com/office/drawing/2014/main" id="{399A1925-8A27-43AD-8C07-14653799240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69865" y="3114548"/>
            <a:ext cx="2489200" cy="186055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2" name="OTLSHAPE_SLT_1b0e56a2e8c6404a875d0007c4a3b646_Shape">
            <a:extLst>
              <a:ext uri="{FF2B5EF4-FFF2-40B4-BE49-F238E27FC236}">
                <a16:creationId xmlns:a16="http://schemas.microsoft.com/office/drawing/2014/main" id="{D0367A70-8619-43D3-9C5E-59CD910B23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440096" y="3114548"/>
            <a:ext cx="2489200" cy="186055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0" name="OTLSHAPE_SLT_6d6be110b01f42148831f9d5e736b478_Shape">
            <a:extLst>
              <a:ext uri="{FF2B5EF4-FFF2-40B4-BE49-F238E27FC236}">
                <a16:creationId xmlns:a16="http://schemas.microsoft.com/office/drawing/2014/main" id="{4105997E-72EF-4B91-AFDB-3570F5BADAA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69865" y="4343887"/>
            <a:ext cx="5067300" cy="186055"/>
          </a:xfrm>
          <a:prstGeom prst="chevron">
            <a:avLst/>
          </a:prstGeom>
          <a:solidFill>
            <a:srgbClr val="F4B8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4" name="OTLSHAPE_SLT_af1e3d0a3492408f847e4063645d2402_Shape">
            <a:extLst>
              <a:ext uri="{FF2B5EF4-FFF2-40B4-BE49-F238E27FC236}">
                <a16:creationId xmlns:a16="http://schemas.microsoft.com/office/drawing/2014/main" id="{D819F0C8-9B1E-4B65-9715-7A0A37429A9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96000" y="4858639"/>
            <a:ext cx="2578100" cy="186055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6" name="OTLSHAPE_SLT_294fe748a7124b39a3acbcb66a8d913c_Shape">
            <a:extLst>
              <a:ext uri="{FF2B5EF4-FFF2-40B4-BE49-F238E27FC236}">
                <a16:creationId xmlns:a16="http://schemas.microsoft.com/office/drawing/2014/main" id="{BFCFA7F2-678A-4621-B80A-98D600D57B5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751905" y="4858639"/>
            <a:ext cx="2489200" cy="186055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2" name="OTLSHAPE_SLT_ad9b37afa3564cfa92005eda350aded8_Shape">
            <a:extLst>
              <a:ext uri="{FF2B5EF4-FFF2-40B4-BE49-F238E27FC236}">
                <a16:creationId xmlns:a16="http://schemas.microsoft.com/office/drawing/2014/main" id="{85D919FA-6863-4B25-9417-0E7BC999FFD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096000" y="6087978"/>
            <a:ext cx="5143500" cy="186055"/>
          </a:xfrm>
          <a:prstGeom prst="chevron">
            <a:avLst/>
          </a:prstGeom>
          <a:solidFill>
            <a:srgbClr val="F4B8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8" name="OTLSHAPE_SLT_964dd225bc794dbcb1404edfa86e4dfb_Shape">
            <a:extLst>
              <a:ext uri="{FF2B5EF4-FFF2-40B4-BE49-F238E27FC236}">
                <a16:creationId xmlns:a16="http://schemas.microsoft.com/office/drawing/2014/main" id="{F9EE9A7A-9C83-4DEE-95C2-754D3419DF2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440096" y="4116789"/>
            <a:ext cx="889000" cy="155025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0" name="OTLSHAPE_SLT_b50d9a604bff4bec94209a69119bbc05_Shape">
            <a:extLst>
              <a:ext uri="{FF2B5EF4-FFF2-40B4-BE49-F238E27FC236}">
                <a16:creationId xmlns:a16="http://schemas.microsoft.com/office/drawing/2014/main" id="{D3026AE7-EE0B-4D55-9975-BBEB7E5440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271851" y="4116789"/>
            <a:ext cx="850900" cy="155025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2" name="OTLSHAPE_SLT_18540a1b169243c79c1025e99fb61372_Shape">
            <a:extLst>
              <a:ext uri="{FF2B5EF4-FFF2-40B4-BE49-F238E27FC236}">
                <a16:creationId xmlns:a16="http://schemas.microsoft.com/office/drawing/2014/main" id="{DD2D19BB-8A0F-4973-A64F-F7B4D6A2C84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069634" y="4116789"/>
            <a:ext cx="863600" cy="155025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4" name="OTLSHAPE_SLT_55f2cbcc513a455d8b16209a6b1b04be_Shape">
            <a:extLst>
              <a:ext uri="{FF2B5EF4-FFF2-40B4-BE49-F238E27FC236}">
                <a16:creationId xmlns:a16="http://schemas.microsoft.com/office/drawing/2014/main" id="{D6C2D8E7-9AF8-4231-ABCC-B4BE5B04879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096000" y="5860881"/>
            <a:ext cx="901700" cy="155025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0" name="OTLSHAPE_SLT_b35a27552cbe4f0f872da8baec125766_Shape">
            <a:extLst>
              <a:ext uri="{FF2B5EF4-FFF2-40B4-BE49-F238E27FC236}">
                <a16:creationId xmlns:a16="http://schemas.microsoft.com/office/drawing/2014/main" id="{1A7B979B-895F-4F5E-9578-F08DACA7B86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751905" y="5860881"/>
            <a:ext cx="876300" cy="155025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2" name="OTLSHAPE_SLT_819d9bc8b0984a6cb22f5d2395cf1ac6_Shape">
            <a:extLst>
              <a:ext uri="{FF2B5EF4-FFF2-40B4-BE49-F238E27FC236}">
                <a16:creationId xmlns:a16="http://schemas.microsoft.com/office/drawing/2014/main" id="{AFF11734-DED4-4708-80FB-45566A5156E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63016" y="5860881"/>
            <a:ext cx="876300" cy="155025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6" name="OTLSHAPE_SLT_619e7a35b09e4de7abc305b745fc1c2a_Shape">
            <a:extLst>
              <a:ext uri="{FF2B5EF4-FFF2-40B4-BE49-F238E27FC236}">
                <a16:creationId xmlns:a16="http://schemas.microsoft.com/office/drawing/2014/main" id="{DC6495D4-A4B0-4CD5-A5C9-C3E1F4B3256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938941" y="5860881"/>
            <a:ext cx="914400" cy="155025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4" name="OTLSHAPE_SLT_e5e316d20582456a824fe0c8cafeb5ab_Shape">
            <a:extLst>
              <a:ext uri="{FF2B5EF4-FFF2-40B4-BE49-F238E27FC236}">
                <a16:creationId xmlns:a16="http://schemas.microsoft.com/office/drawing/2014/main" id="{B10024CB-5BD7-4CEF-A60B-CB5852A7DEA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374661" y="5860881"/>
            <a:ext cx="863600" cy="155025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8" name="OTLSHAPE_SLT_c780a31ff7244e5db7abb8ca024055fc_Shape">
            <a:extLst>
              <a:ext uri="{FF2B5EF4-FFF2-40B4-BE49-F238E27FC236}">
                <a16:creationId xmlns:a16="http://schemas.microsoft.com/office/drawing/2014/main" id="{82E8227A-262A-43CC-92E3-34B4BB1FA5A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790746" y="5860881"/>
            <a:ext cx="876300" cy="155025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8" name="OTLSHAPE_SLT_ac44d9f697c54a83972a706bc7447ec1_Shape">
            <a:extLst>
              <a:ext uri="{FF2B5EF4-FFF2-40B4-BE49-F238E27FC236}">
                <a16:creationId xmlns:a16="http://schemas.microsoft.com/office/drawing/2014/main" id="{3DB40FF5-3C65-4862-A9B8-380F55D406E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69865" y="4116789"/>
            <a:ext cx="850900" cy="155025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4" name="OTLSHAPE_SLT_3e70bf38690448959be5b2c025350527_Shape">
            <a:extLst>
              <a:ext uri="{FF2B5EF4-FFF2-40B4-BE49-F238E27FC236}">
                <a16:creationId xmlns:a16="http://schemas.microsoft.com/office/drawing/2014/main" id="{6308EA7B-C134-4995-90EA-B86078CC9AE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652298" y="4116789"/>
            <a:ext cx="901700" cy="155025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6" name="OTLSHAPE_SLT_07ff7467c4d541e38bf25b21977006a9_Shape">
            <a:extLst>
              <a:ext uri="{FF2B5EF4-FFF2-40B4-BE49-F238E27FC236}">
                <a16:creationId xmlns:a16="http://schemas.microsoft.com/office/drawing/2014/main" id="{5B66D3C4-8FF9-49D2-BE34-5D870C6B411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487564" y="4116789"/>
            <a:ext cx="876300" cy="155025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92" name="OTLSHAPE_TB_00000000000000000000000000000000_ElapsedTime" hidden="1">
            <a:extLst>
              <a:ext uri="{FF2B5EF4-FFF2-40B4-BE49-F238E27FC236}">
                <a16:creationId xmlns:a16="http://schemas.microsoft.com/office/drawing/2014/main" id="{CB0971F0-EBC0-42CE-9FDA-ABF755E8C94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69865" y="178308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1" name="OTLSHAPE_SLT_08e0bedf0de5468bb66850337b8fdc6a_ShapePercentage" hidden="1">
            <a:extLst>
              <a:ext uri="{FF2B5EF4-FFF2-40B4-BE49-F238E27FC236}">
                <a16:creationId xmlns:a16="http://schemas.microsoft.com/office/drawing/2014/main" id="{F28300E3-B9AB-4B4C-B429-59AF8343EDB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69865" y="311454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3" name="OTLSHAPE_SLT_1b0e56a2e8c6404a875d0007c4a3b646_ShapePercentage" hidden="1">
            <a:extLst>
              <a:ext uri="{FF2B5EF4-FFF2-40B4-BE49-F238E27FC236}">
                <a16:creationId xmlns:a16="http://schemas.microsoft.com/office/drawing/2014/main" id="{1E53362B-E6B4-4EAA-84D3-D2D8D329889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440096" y="311454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1" name="OTLSHAPE_SLT_6d6be110b01f42148831f9d5e736b478_ShapePercentage" hidden="1">
            <a:extLst>
              <a:ext uri="{FF2B5EF4-FFF2-40B4-BE49-F238E27FC236}">
                <a16:creationId xmlns:a16="http://schemas.microsoft.com/office/drawing/2014/main" id="{BEF9893E-E2C3-460A-B877-BAF0F705FDE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69865" y="43438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5" name="OTLSHAPE_SLT_af1e3d0a3492408f847e4063645d2402_ShapePercentage" hidden="1">
            <a:extLst>
              <a:ext uri="{FF2B5EF4-FFF2-40B4-BE49-F238E27FC236}">
                <a16:creationId xmlns:a16="http://schemas.microsoft.com/office/drawing/2014/main" id="{217E3234-E0E0-41A1-A499-AAED5080888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096000" y="485863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7" name="OTLSHAPE_SLT_294fe748a7124b39a3acbcb66a8d913c_ShapePercentage" hidden="1">
            <a:extLst>
              <a:ext uri="{FF2B5EF4-FFF2-40B4-BE49-F238E27FC236}">
                <a16:creationId xmlns:a16="http://schemas.microsoft.com/office/drawing/2014/main" id="{EB973FDA-F8AE-4E12-8FD2-6E4A0EC1CD4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751905" y="485863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3" name="OTLSHAPE_SLT_ad9b37afa3564cfa92005eda350aded8_ShapePercentage" hidden="1">
            <a:extLst>
              <a:ext uri="{FF2B5EF4-FFF2-40B4-BE49-F238E27FC236}">
                <a16:creationId xmlns:a16="http://schemas.microsoft.com/office/drawing/2014/main" id="{CC486025-B0D5-4F19-AEE6-BBE157AF10F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96000" y="608797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9" name="OTLSHAPE_SLT_964dd225bc794dbcb1404edfa86e4dfb_ShapePercentage" hidden="1">
            <a:extLst>
              <a:ext uri="{FF2B5EF4-FFF2-40B4-BE49-F238E27FC236}">
                <a16:creationId xmlns:a16="http://schemas.microsoft.com/office/drawing/2014/main" id="{56CABB08-6D61-4BA3-8E6A-881294C7B86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440096" y="411678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1" name="OTLSHAPE_SLT_b50d9a604bff4bec94209a69119bbc05_ShapePercentage" hidden="1">
            <a:extLst>
              <a:ext uri="{FF2B5EF4-FFF2-40B4-BE49-F238E27FC236}">
                <a16:creationId xmlns:a16="http://schemas.microsoft.com/office/drawing/2014/main" id="{AFA70E96-405E-468A-882F-F4EBB3AF846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271851" y="411678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3" name="OTLSHAPE_SLT_18540a1b169243c79c1025e99fb61372_ShapePercentage" hidden="1">
            <a:extLst>
              <a:ext uri="{FF2B5EF4-FFF2-40B4-BE49-F238E27FC236}">
                <a16:creationId xmlns:a16="http://schemas.microsoft.com/office/drawing/2014/main" id="{DEDA2564-127A-4F2D-AC3B-87EB5A87A91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069634" y="411678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5" name="OTLSHAPE_SLT_55f2cbcc513a455d8b16209a6b1b04be_ShapePercentage" hidden="1">
            <a:extLst>
              <a:ext uri="{FF2B5EF4-FFF2-40B4-BE49-F238E27FC236}">
                <a16:creationId xmlns:a16="http://schemas.microsoft.com/office/drawing/2014/main" id="{F9E8BA00-A205-47F6-8CB1-B1AECA8C549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096000" y="586088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1" name="OTLSHAPE_SLT_b35a27552cbe4f0f872da8baec125766_ShapePercentage" hidden="1">
            <a:extLst>
              <a:ext uri="{FF2B5EF4-FFF2-40B4-BE49-F238E27FC236}">
                <a16:creationId xmlns:a16="http://schemas.microsoft.com/office/drawing/2014/main" id="{1432FF7D-144F-44F7-8366-EAFB53D795A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751905" y="586088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3" name="OTLSHAPE_SLT_819d9bc8b0984a6cb22f5d2395cf1ac6_ShapePercentage" hidden="1">
            <a:extLst>
              <a:ext uri="{FF2B5EF4-FFF2-40B4-BE49-F238E27FC236}">
                <a16:creationId xmlns:a16="http://schemas.microsoft.com/office/drawing/2014/main" id="{BA3F983E-5837-435F-869A-2444BEFDB7D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563016" y="586088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7" name="OTLSHAPE_SLT_619e7a35b09e4de7abc305b745fc1c2a_ShapePercentage" hidden="1">
            <a:extLst>
              <a:ext uri="{FF2B5EF4-FFF2-40B4-BE49-F238E27FC236}">
                <a16:creationId xmlns:a16="http://schemas.microsoft.com/office/drawing/2014/main" id="{4B5875E7-E92A-4A6E-8503-7CF097DEEC2A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938941" y="586088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5" name="OTLSHAPE_SLT_e5e316d20582456a824fe0c8cafeb5ab_ShapePercentage" hidden="1">
            <a:extLst>
              <a:ext uri="{FF2B5EF4-FFF2-40B4-BE49-F238E27FC236}">
                <a16:creationId xmlns:a16="http://schemas.microsoft.com/office/drawing/2014/main" id="{C1C7AEB1-A479-402D-8ADB-C565E6BAB18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374661" y="586088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9" name="OTLSHAPE_SLT_c780a31ff7244e5db7abb8ca024055fc_ShapePercentage" hidden="1">
            <a:extLst>
              <a:ext uri="{FF2B5EF4-FFF2-40B4-BE49-F238E27FC236}">
                <a16:creationId xmlns:a16="http://schemas.microsoft.com/office/drawing/2014/main" id="{F2A78B1F-D0A1-4B3F-A57B-1E495809E26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790746" y="586088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9" name="OTLSHAPE_SLT_ac44d9f697c54a83972a706bc7447ec1_ShapePercentage" hidden="1">
            <a:extLst>
              <a:ext uri="{FF2B5EF4-FFF2-40B4-BE49-F238E27FC236}">
                <a16:creationId xmlns:a16="http://schemas.microsoft.com/office/drawing/2014/main" id="{DE4164C3-2B19-4583-BB99-E0EB3317CF4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69865" y="411678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5" name="OTLSHAPE_SLT_3e70bf38690448959be5b2c025350527_ShapePercentage" hidden="1">
            <a:extLst>
              <a:ext uri="{FF2B5EF4-FFF2-40B4-BE49-F238E27FC236}">
                <a16:creationId xmlns:a16="http://schemas.microsoft.com/office/drawing/2014/main" id="{E2F9E2BF-7B57-4DA7-8A6F-FBBE5E21430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652298" y="411678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7" name="OTLSHAPE_SLT_07ff7467c4d541e38bf25b21977006a9_ShapePercentage" hidden="1">
            <a:extLst>
              <a:ext uri="{FF2B5EF4-FFF2-40B4-BE49-F238E27FC236}">
                <a16:creationId xmlns:a16="http://schemas.microsoft.com/office/drawing/2014/main" id="{927D67B5-56D3-4946-8D57-71F0CD7A0B1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487564" y="411678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8" name="OTLSHAPE_SLM_4dce5c1223684d08953a4a462ea1b76c_Shape">
            <a:extLst>
              <a:ext uri="{FF2B5EF4-FFF2-40B4-BE49-F238E27FC236}">
                <a16:creationId xmlns:a16="http://schemas.microsoft.com/office/drawing/2014/main" id="{2E1CB3A2-1D87-497B-8C46-2E3B7175C03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rot="5400000">
            <a:off x="3271812" y="341892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M_da97de9db41f41debf3ca8e35f0ef0b0_Shape">
            <a:extLst>
              <a:ext uri="{FF2B5EF4-FFF2-40B4-BE49-F238E27FC236}">
                <a16:creationId xmlns:a16="http://schemas.microsoft.com/office/drawing/2014/main" id="{AF4B9855-38F6-4202-A7C3-A5BA897487A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 rot="5400000">
            <a:off x="5842042" y="3807968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M_c2f71ac1311540508947d12439ad3d9c_Shape">
            <a:extLst>
              <a:ext uri="{FF2B5EF4-FFF2-40B4-BE49-F238E27FC236}">
                <a16:creationId xmlns:a16="http://schemas.microsoft.com/office/drawing/2014/main" id="{CB362A9A-71EA-4B3B-8631-97C9EDAACC0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5400000">
            <a:off x="8583621" y="516301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M_87864714589d40ac853417c5c3a0f561_Shape">
            <a:extLst>
              <a:ext uri="{FF2B5EF4-FFF2-40B4-BE49-F238E27FC236}">
                <a16:creationId xmlns:a16="http://schemas.microsoft.com/office/drawing/2014/main" id="{CC911F10-3736-4AB0-AB75-9E1AF5DA2754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rot="5400000">
            <a:off x="11153852" y="5552059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2" name="OTLSHAPE_SL_0fc77891fc7c4ec287ba36bc2363c7e5_Header">
            <a:extLst>
              <a:ext uri="{FF2B5EF4-FFF2-40B4-BE49-F238E27FC236}">
                <a16:creationId xmlns:a16="http://schemas.microsoft.com/office/drawing/2014/main" id="{D62A49DD-90C6-4D22-BA10-81EBD949521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3668691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rgbClr val="1C211E"/>
                </a:solidFill>
                <a:latin typeface="Calibri" panose="020F0502020204030204" pitchFamily="34" charset="0"/>
              </a:rPr>
              <a:t>Release 1 </a:t>
            </a:r>
          </a:p>
        </p:txBody>
      </p:sp>
      <p:sp>
        <p:nvSpPr>
          <p:cNvPr id="215" name="OTLSHAPE_SL_58a0aac4aec34f0b95b8c785bf652a75_Header">
            <a:extLst>
              <a:ext uri="{FF2B5EF4-FFF2-40B4-BE49-F238E27FC236}">
                <a16:creationId xmlns:a16="http://schemas.microsoft.com/office/drawing/2014/main" id="{003C13D2-3734-4CFD-9035-016DC13B97D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5412782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rgbClr val="1C211E"/>
                </a:solidFill>
                <a:latin typeface="Calibri" panose="020F0502020204030204" pitchFamily="34" charset="0"/>
              </a:rPr>
              <a:t>Release 2</a:t>
            </a:r>
          </a:p>
        </p:txBody>
      </p:sp>
      <p:sp>
        <p:nvSpPr>
          <p:cNvPr id="21" name="OTLSHAPE_SL2A_d797ce9a45ad41388440821da5b155a3_Header" hidden="1">
            <a:extLst>
              <a:ext uri="{FF2B5EF4-FFF2-40B4-BE49-F238E27FC236}">
                <a16:creationId xmlns:a16="http://schemas.microsoft.com/office/drawing/2014/main" id="{056832DB-F3EF-498D-8594-EDDBBA86B0B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35662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SL2A_7ca7836dee884f2e8c1c968d9832a447_Header" hidden="1">
            <a:extLst>
              <a:ext uri="{FF2B5EF4-FFF2-40B4-BE49-F238E27FC236}">
                <a16:creationId xmlns:a16="http://schemas.microsoft.com/office/drawing/2014/main" id="{972917B5-9265-411F-98B7-97043BECD66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35662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D6B4809-0F12-4A4B-85D3-A52AD883D781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815437" y="21640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44035D79-C341-4F30-9787-3337600EAB4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1" name="OTLSHAPE_SLT_08e0bedf0de5468bb66850337b8fdc6a_TextPercentage" hidden="1">
            <a:extLst>
              <a:ext uri="{FF2B5EF4-FFF2-40B4-BE49-F238E27FC236}">
                <a16:creationId xmlns:a16="http://schemas.microsoft.com/office/drawing/2014/main" id="{194B449B-EB4F-4552-A598-1BCC4EC4E22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SLT_08e0bedf0de5468bb66850337b8fdc6a_JoinedDate" hidden="1">
            <a:extLst>
              <a:ext uri="{FF2B5EF4-FFF2-40B4-BE49-F238E27FC236}">
                <a16:creationId xmlns:a16="http://schemas.microsoft.com/office/drawing/2014/main" id="{F4C145A7-C4DC-4F41-9D1F-FCFD2629453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46435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 - Jun 29</a:t>
            </a:r>
          </a:p>
        </p:txBody>
      </p:sp>
      <p:sp>
        <p:nvSpPr>
          <p:cNvPr id="233" name="OTLSHAPE_SLT_08e0bedf0de5468bb66850337b8fdc6a_StartDate" hidden="1">
            <a:extLst>
              <a:ext uri="{FF2B5EF4-FFF2-40B4-BE49-F238E27FC236}">
                <a16:creationId xmlns:a16="http://schemas.microsoft.com/office/drawing/2014/main" id="{08EF7FD5-4B11-4FC8-B891-CD58FCB4B4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SLT_08e0bedf0de5468bb66850337b8fdc6a_EndDate" hidden="1">
            <a:extLst>
              <a:ext uri="{FF2B5EF4-FFF2-40B4-BE49-F238E27FC236}">
                <a16:creationId xmlns:a16="http://schemas.microsoft.com/office/drawing/2014/main" id="{51C4C233-1402-4C66-94D0-513DA1489E8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SLT_1b0e56a2e8c6404a875d0007c4a3b646_TextPercentage" hidden="1">
            <a:extLst>
              <a:ext uri="{FF2B5EF4-FFF2-40B4-BE49-F238E27FC236}">
                <a16:creationId xmlns:a16="http://schemas.microsoft.com/office/drawing/2014/main" id="{FBFD9DBA-E71A-4BC0-888B-ED22C4EEDA0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" name="OTLSHAPE_SLT_1b0e56a2e8c6404a875d0007c4a3b646_JoinedDate" hidden="1">
            <a:extLst>
              <a:ext uri="{FF2B5EF4-FFF2-40B4-BE49-F238E27FC236}">
                <a16:creationId xmlns:a16="http://schemas.microsoft.com/office/drawing/2014/main" id="{5AA26557-42FE-4BEF-88A9-2C1B0CC1FDC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525909"/>
            <a:ext cx="508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l 1 - Jul 29</a:t>
            </a:r>
          </a:p>
        </p:txBody>
      </p:sp>
      <p:sp>
        <p:nvSpPr>
          <p:cNvPr id="241" name="OTLSHAPE_SLT_1b0e56a2e8c6404a875d0007c4a3b646_StartDate" hidden="1">
            <a:extLst>
              <a:ext uri="{FF2B5EF4-FFF2-40B4-BE49-F238E27FC236}">
                <a16:creationId xmlns:a16="http://schemas.microsoft.com/office/drawing/2014/main" id="{20D4BB41-07AB-4568-95BD-0DD11D4238E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SLT_1b0e56a2e8c6404a875d0007c4a3b646_EndDate" hidden="1">
            <a:extLst>
              <a:ext uri="{FF2B5EF4-FFF2-40B4-BE49-F238E27FC236}">
                <a16:creationId xmlns:a16="http://schemas.microsoft.com/office/drawing/2014/main" id="{A5B22B5B-FBF9-4A0D-8212-8B753FFC004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SLT_6d6be110b01f42148831f9d5e736b478_TextPercentage" hidden="1">
            <a:extLst>
              <a:ext uri="{FF2B5EF4-FFF2-40B4-BE49-F238E27FC236}">
                <a16:creationId xmlns:a16="http://schemas.microsoft.com/office/drawing/2014/main" id="{5ECBD699-38C5-45F8-8936-574254546F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2" name="OTLSHAPE_SLT_6d6be110b01f42148831f9d5e736b478_JoinedDate" hidden="1">
            <a:extLst>
              <a:ext uri="{FF2B5EF4-FFF2-40B4-BE49-F238E27FC236}">
                <a16:creationId xmlns:a16="http://schemas.microsoft.com/office/drawing/2014/main" id="{C866C4B9-EDEE-4D48-BE1F-0020CFC2CC3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525909"/>
            <a:ext cx="533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 - Jul 29</a:t>
            </a:r>
          </a:p>
        </p:txBody>
      </p:sp>
      <p:sp>
        <p:nvSpPr>
          <p:cNvPr id="273" name="OTLSHAPE_SLT_6d6be110b01f42148831f9d5e736b478_StartDate" hidden="1">
            <a:extLst>
              <a:ext uri="{FF2B5EF4-FFF2-40B4-BE49-F238E27FC236}">
                <a16:creationId xmlns:a16="http://schemas.microsoft.com/office/drawing/2014/main" id="{F6EAC7D8-FDF1-4962-A026-D10AC06A586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74" name="OTLSHAPE_SLT_6d6be110b01f42148831f9d5e736b478_EndDate" hidden="1">
            <a:extLst>
              <a:ext uri="{FF2B5EF4-FFF2-40B4-BE49-F238E27FC236}">
                <a16:creationId xmlns:a16="http://schemas.microsoft.com/office/drawing/2014/main" id="{E3DB410A-845D-43F7-9A15-BA0710C3EBA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SLT_af1e3d0a3492408f847e4063645d2402_TextPercentage" hidden="1">
            <a:extLst>
              <a:ext uri="{FF2B5EF4-FFF2-40B4-BE49-F238E27FC236}">
                <a16:creationId xmlns:a16="http://schemas.microsoft.com/office/drawing/2014/main" id="{01DB8793-3259-4630-8582-60AACC14816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SLT_af1e3d0a3492408f847e4063645d2402_JoinedDate" hidden="1">
            <a:extLst>
              <a:ext uri="{FF2B5EF4-FFF2-40B4-BE49-F238E27FC236}">
                <a16:creationId xmlns:a16="http://schemas.microsoft.com/office/drawing/2014/main" id="{EDED9F5F-8ABF-41CF-BCBF-8DF3800142F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523965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1 - Aug 30</a:t>
            </a:r>
          </a:p>
        </p:txBody>
      </p:sp>
      <p:sp>
        <p:nvSpPr>
          <p:cNvPr id="281" name="OTLSHAPE_SLT_af1e3d0a3492408f847e4063645d2402_StartDate" hidden="1">
            <a:extLst>
              <a:ext uri="{FF2B5EF4-FFF2-40B4-BE49-F238E27FC236}">
                <a16:creationId xmlns:a16="http://schemas.microsoft.com/office/drawing/2014/main" id="{FA54E615-8C45-40E8-A775-636119570DD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SLT_af1e3d0a3492408f847e4063645d2402_EndDate" hidden="1">
            <a:extLst>
              <a:ext uri="{FF2B5EF4-FFF2-40B4-BE49-F238E27FC236}">
                <a16:creationId xmlns:a16="http://schemas.microsoft.com/office/drawing/2014/main" id="{9EF48CFF-3E58-4685-A562-38AF090F322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87" name="OTLSHAPE_SLT_294fe748a7124b39a3acbcb66a8d913c_TextPercentage" hidden="1">
            <a:extLst>
              <a:ext uri="{FF2B5EF4-FFF2-40B4-BE49-F238E27FC236}">
                <a16:creationId xmlns:a16="http://schemas.microsoft.com/office/drawing/2014/main" id="{B670198F-3356-4FA5-8A5D-A771B3C9BB2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SLT_294fe748a7124b39a3acbcb66a8d913c_JoinedDate" hidden="1">
            <a:extLst>
              <a:ext uri="{FF2B5EF4-FFF2-40B4-BE49-F238E27FC236}">
                <a16:creationId xmlns:a16="http://schemas.microsoft.com/office/drawing/2014/main" id="{7C9A0F94-550D-41A3-9E8D-679C1DCC068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645129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Sep 1 - Sep 29</a:t>
            </a:r>
          </a:p>
        </p:txBody>
      </p:sp>
      <p:sp>
        <p:nvSpPr>
          <p:cNvPr id="289" name="OTLSHAPE_SLT_294fe748a7124b39a3acbcb66a8d913c_StartDate" hidden="1">
            <a:extLst>
              <a:ext uri="{FF2B5EF4-FFF2-40B4-BE49-F238E27FC236}">
                <a16:creationId xmlns:a16="http://schemas.microsoft.com/office/drawing/2014/main" id="{7B770543-0FD6-487E-A5BF-FCA40152DB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294fe748a7124b39a3acbcb66a8d913c_EndDate" hidden="1">
            <a:extLst>
              <a:ext uri="{FF2B5EF4-FFF2-40B4-BE49-F238E27FC236}">
                <a16:creationId xmlns:a16="http://schemas.microsoft.com/office/drawing/2014/main" id="{59D952A7-94AA-43F3-B158-55FAA3D0A8F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SLT_ad9b37afa3564cfa92005eda350aded8_TextPercentage" hidden="1">
            <a:extLst>
              <a:ext uri="{FF2B5EF4-FFF2-40B4-BE49-F238E27FC236}">
                <a16:creationId xmlns:a16="http://schemas.microsoft.com/office/drawing/2014/main" id="{DBBCD8A7-F3C4-40DA-BFA4-F00E5F3C795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" name="OTLSHAPE_SLT_ad9b37afa3564cfa92005eda350aded8_JoinedDate" hidden="1">
            <a:extLst>
              <a:ext uri="{FF2B5EF4-FFF2-40B4-BE49-F238E27FC236}">
                <a16:creationId xmlns:a16="http://schemas.microsoft.com/office/drawing/2014/main" id="{421156DC-02DF-4DED-8627-532D7559373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585519"/>
            <a:ext cx="596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1 - Sep 29</a:t>
            </a:r>
          </a:p>
        </p:txBody>
      </p:sp>
      <p:sp>
        <p:nvSpPr>
          <p:cNvPr id="321" name="OTLSHAPE_SLT_ad9b37afa3564cfa92005eda350aded8_StartDate" hidden="1">
            <a:extLst>
              <a:ext uri="{FF2B5EF4-FFF2-40B4-BE49-F238E27FC236}">
                <a16:creationId xmlns:a16="http://schemas.microsoft.com/office/drawing/2014/main" id="{F603846B-10BE-4802-823B-379D57C74DF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22" name="OTLSHAPE_SLT_ad9b37afa3564cfa92005eda350aded8_EndDate" hidden="1">
            <a:extLst>
              <a:ext uri="{FF2B5EF4-FFF2-40B4-BE49-F238E27FC236}">
                <a16:creationId xmlns:a16="http://schemas.microsoft.com/office/drawing/2014/main" id="{0ABD9A19-F522-4965-8D34-47D24AF6CB3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964dd225bc794dbcb1404edfa86e4dfb_Duration" hidden="1">
            <a:extLst>
              <a:ext uri="{FF2B5EF4-FFF2-40B4-BE49-F238E27FC236}">
                <a16:creationId xmlns:a16="http://schemas.microsoft.com/office/drawing/2014/main" id="{8A3C3DD2-1F8F-4542-B4F1-07FD1C4C1CD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458748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6.3 days</a:t>
            </a:r>
          </a:p>
        </p:txBody>
      </p:sp>
      <p:sp>
        <p:nvSpPr>
          <p:cNvPr id="40" name="OTLSHAPE_SLT_964dd225bc794dbcb1404edfa86e4dfb_TextPercentage" hidden="1">
            <a:extLst>
              <a:ext uri="{FF2B5EF4-FFF2-40B4-BE49-F238E27FC236}">
                <a16:creationId xmlns:a16="http://schemas.microsoft.com/office/drawing/2014/main" id="{A3BFC65F-6C63-4C55-938E-62F409D7844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964dd225bc794dbcb1404edfa86e4dfb_JoinedDate" hidden="1">
            <a:extLst>
              <a:ext uri="{FF2B5EF4-FFF2-40B4-BE49-F238E27FC236}">
                <a16:creationId xmlns:a16="http://schemas.microsoft.com/office/drawing/2014/main" id="{B5C96457-03FB-4E65-A9EF-0AD49BD9EED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464353"/>
            <a:ext cx="508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l 1 - Jul 11</a:t>
            </a:r>
          </a:p>
        </p:txBody>
      </p:sp>
      <p:sp>
        <p:nvSpPr>
          <p:cNvPr id="42" name="OTLSHAPE_SLT_964dd225bc794dbcb1404edfa86e4dfb_StartDate" hidden="1">
            <a:extLst>
              <a:ext uri="{FF2B5EF4-FFF2-40B4-BE49-F238E27FC236}">
                <a16:creationId xmlns:a16="http://schemas.microsoft.com/office/drawing/2014/main" id="{E5C612BD-4205-496B-8265-AB0989AE3E1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964dd225bc794dbcb1404edfa86e4dfb_EndDate" hidden="1">
            <a:extLst>
              <a:ext uri="{FF2B5EF4-FFF2-40B4-BE49-F238E27FC236}">
                <a16:creationId xmlns:a16="http://schemas.microsoft.com/office/drawing/2014/main" id="{68F1CDC9-E782-4822-B7A3-914DA6ACAD3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b50d9a604bff4bec94209a69119bbc05_Duration" hidden="1">
            <a:extLst>
              <a:ext uri="{FF2B5EF4-FFF2-40B4-BE49-F238E27FC236}">
                <a16:creationId xmlns:a16="http://schemas.microsoft.com/office/drawing/2014/main" id="{7D00B903-EF38-4A01-83B2-86C129F018F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441930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7.6 days</a:t>
            </a:r>
          </a:p>
        </p:txBody>
      </p:sp>
      <p:sp>
        <p:nvSpPr>
          <p:cNvPr id="56" name="OTLSHAPE_SLT_b50d9a604bff4bec94209a69119bbc05_TextPercentage" hidden="1">
            <a:extLst>
              <a:ext uri="{FF2B5EF4-FFF2-40B4-BE49-F238E27FC236}">
                <a16:creationId xmlns:a16="http://schemas.microsoft.com/office/drawing/2014/main" id="{F7780FD8-CF63-4E12-8279-38122BA5C3A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b50d9a604bff4bec94209a69119bbc05_JoinedDate" hidden="1">
            <a:extLst>
              <a:ext uri="{FF2B5EF4-FFF2-40B4-BE49-F238E27FC236}">
                <a16:creationId xmlns:a16="http://schemas.microsoft.com/office/drawing/2014/main" id="{AA90F50A-3B1B-4F88-B175-1465FC40C38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525909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l 10 - Jul 20</a:t>
            </a:r>
          </a:p>
        </p:txBody>
      </p:sp>
      <p:sp>
        <p:nvSpPr>
          <p:cNvPr id="58" name="OTLSHAPE_SLT_b50d9a604bff4bec94209a69119bbc05_StartDate" hidden="1">
            <a:extLst>
              <a:ext uri="{FF2B5EF4-FFF2-40B4-BE49-F238E27FC236}">
                <a16:creationId xmlns:a16="http://schemas.microsoft.com/office/drawing/2014/main" id="{F2E98B2B-253C-41D7-A636-2F24C6AC0DA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b50d9a604bff4bec94209a69119bbc05_EndDate" hidden="1">
            <a:extLst>
              <a:ext uri="{FF2B5EF4-FFF2-40B4-BE49-F238E27FC236}">
                <a16:creationId xmlns:a16="http://schemas.microsoft.com/office/drawing/2014/main" id="{0A9E893E-18B6-4876-9F65-D705A07D373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18540a1b169243c79c1025e99fb61372_Duration" hidden="1">
            <a:extLst>
              <a:ext uri="{FF2B5EF4-FFF2-40B4-BE49-F238E27FC236}">
                <a16:creationId xmlns:a16="http://schemas.microsoft.com/office/drawing/2014/main" id="{6A9ECCEC-EA09-43CB-A8B6-B1083B0DE56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430718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00" name="OTLSHAPE_SLT_18540a1b169243c79c1025e99fb61372_TextPercentage" hidden="1">
            <a:extLst>
              <a:ext uri="{FF2B5EF4-FFF2-40B4-BE49-F238E27FC236}">
                <a16:creationId xmlns:a16="http://schemas.microsoft.com/office/drawing/2014/main" id="{201B17C6-8333-48CA-8663-84714638597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18540a1b169243c79c1025e99fb61372_JoinedDate" hidden="1">
            <a:extLst>
              <a:ext uri="{FF2B5EF4-FFF2-40B4-BE49-F238E27FC236}">
                <a16:creationId xmlns:a16="http://schemas.microsoft.com/office/drawing/2014/main" id="{2CFA0B16-BD19-46CF-AEAB-76ED6E355C2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525909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l 20 - Jul 29</a:t>
            </a:r>
          </a:p>
        </p:txBody>
      </p:sp>
      <p:sp>
        <p:nvSpPr>
          <p:cNvPr id="202" name="OTLSHAPE_SLT_18540a1b169243c79c1025e99fb61372_StartDate" hidden="1">
            <a:extLst>
              <a:ext uri="{FF2B5EF4-FFF2-40B4-BE49-F238E27FC236}">
                <a16:creationId xmlns:a16="http://schemas.microsoft.com/office/drawing/2014/main" id="{94DF0148-95AA-42CB-A9D2-30B50D7BC72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18540a1b169243c79c1025e99fb61372_EndDate" hidden="1">
            <a:extLst>
              <a:ext uri="{FF2B5EF4-FFF2-40B4-BE49-F238E27FC236}">
                <a16:creationId xmlns:a16="http://schemas.microsoft.com/office/drawing/2014/main" id="{BB7AC048-0A75-47BE-A9DF-5EF2D0F25F8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SLT_55f2cbcc513a455d8b16209a6b1b04be_Duration" hidden="1">
            <a:extLst>
              <a:ext uri="{FF2B5EF4-FFF2-40B4-BE49-F238E27FC236}">
                <a16:creationId xmlns:a16="http://schemas.microsoft.com/office/drawing/2014/main" id="{392627ED-FC3D-437A-9567-48C96000D35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453142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8.5 days</a:t>
            </a:r>
          </a:p>
        </p:txBody>
      </p:sp>
      <p:sp>
        <p:nvSpPr>
          <p:cNvPr id="264" name="OTLSHAPE_SLT_55f2cbcc513a455d8b16209a6b1b04be_TextPercentage" hidden="1">
            <a:extLst>
              <a:ext uri="{FF2B5EF4-FFF2-40B4-BE49-F238E27FC236}">
                <a16:creationId xmlns:a16="http://schemas.microsoft.com/office/drawing/2014/main" id="{1568656B-89BE-4417-A361-01B81013DBA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5" name="OTLSHAPE_SLT_55f2cbcc513a455d8b16209a6b1b04be_JoinedDate" hidden="1">
            <a:extLst>
              <a:ext uri="{FF2B5EF4-FFF2-40B4-BE49-F238E27FC236}">
                <a16:creationId xmlns:a16="http://schemas.microsoft.com/office/drawing/2014/main" id="{2D9380B8-EFCC-4381-B451-DBE1D9139775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58551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1 - Aug 11</a:t>
            </a:r>
          </a:p>
        </p:txBody>
      </p:sp>
      <p:sp>
        <p:nvSpPr>
          <p:cNvPr id="266" name="OTLSHAPE_SLT_55f2cbcc513a455d8b16209a6b1b04be_StartDate" hidden="1">
            <a:extLst>
              <a:ext uri="{FF2B5EF4-FFF2-40B4-BE49-F238E27FC236}">
                <a16:creationId xmlns:a16="http://schemas.microsoft.com/office/drawing/2014/main" id="{E83869E8-860F-4706-A34A-41F1D5A99A9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SLT_55f2cbcc513a455d8b16209a6b1b04be_EndDate" hidden="1">
            <a:extLst>
              <a:ext uri="{FF2B5EF4-FFF2-40B4-BE49-F238E27FC236}">
                <a16:creationId xmlns:a16="http://schemas.microsoft.com/office/drawing/2014/main" id="{5E15AFB7-1A7E-4FD5-ADE3-991D5B4628F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SLT_b35a27552cbe4f0f872da8baec125766_Duration" hidden="1">
            <a:extLst>
              <a:ext uri="{FF2B5EF4-FFF2-40B4-BE49-F238E27FC236}">
                <a16:creationId xmlns:a16="http://schemas.microsoft.com/office/drawing/2014/main" id="{47715BF6-A6F1-487E-ABA4-BE8A9E9D2B93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52448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304" name="OTLSHAPE_SLT_b35a27552cbe4f0f872da8baec125766_TextPercentage" hidden="1">
            <a:extLst>
              <a:ext uri="{FF2B5EF4-FFF2-40B4-BE49-F238E27FC236}">
                <a16:creationId xmlns:a16="http://schemas.microsoft.com/office/drawing/2014/main" id="{079C93FC-CCA4-4D4F-8430-6C28E9CE9BA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5" name="OTLSHAPE_SLT_b35a27552cbe4f0f872da8baec125766_JoinedDate" hidden="1">
            <a:extLst>
              <a:ext uri="{FF2B5EF4-FFF2-40B4-BE49-F238E27FC236}">
                <a16:creationId xmlns:a16="http://schemas.microsoft.com/office/drawing/2014/main" id="{661300F4-0D9E-4AB0-A7D5-61CE51FDB58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523965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Sep 1 - Sep 11</a:t>
            </a:r>
          </a:p>
        </p:txBody>
      </p:sp>
      <p:sp>
        <p:nvSpPr>
          <p:cNvPr id="306" name="OTLSHAPE_SLT_b35a27552cbe4f0f872da8baec125766_StartDate" hidden="1">
            <a:extLst>
              <a:ext uri="{FF2B5EF4-FFF2-40B4-BE49-F238E27FC236}">
                <a16:creationId xmlns:a16="http://schemas.microsoft.com/office/drawing/2014/main" id="{3CF4AB44-6321-40C3-B096-B6317B31AFB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SLT_b35a27552cbe4f0f872da8baec125766_EndDate" hidden="1">
            <a:extLst>
              <a:ext uri="{FF2B5EF4-FFF2-40B4-BE49-F238E27FC236}">
                <a16:creationId xmlns:a16="http://schemas.microsoft.com/office/drawing/2014/main" id="{37BDCCEF-A807-4FF5-A4B7-549196DA675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SLT_819d9bc8b0984a6cb22f5d2395cf1ac6_Duration" hidden="1">
            <a:extLst>
              <a:ext uri="{FF2B5EF4-FFF2-40B4-BE49-F238E27FC236}">
                <a16:creationId xmlns:a16="http://schemas.microsoft.com/office/drawing/2014/main" id="{932117F6-8878-467F-9892-98788D0C0E5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595818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6.6 days</a:t>
            </a:r>
          </a:p>
        </p:txBody>
      </p:sp>
      <p:sp>
        <p:nvSpPr>
          <p:cNvPr id="312" name="OTLSHAPE_SLT_819d9bc8b0984a6cb22f5d2395cf1ac6_TextPercentage" hidden="1">
            <a:extLst>
              <a:ext uri="{FF2B5EF4-FFF2-40B4-BE49-F238E27FC236}">
                <a16:creationId xmlns:a16="http://schemas.microsoft.com/office/drawing/2014/main" id="{E09B08F2-E321-4839-82DF-0B98D3D8BFFC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SLT_819d9bc8b0984a6cb22f5d2395cf1ac6_JoinedDate" hidden="1">
            <a:extLst>
              <a:ext uri="{FF2B5EF4-FFF2-40B4-BE49-F238E27FC236}">
                <a16:creationId xmlns:a16="http://schemas.microsoft.com/office/drawing/2014/main" id="{EE147524-F64E-41D3-B491-21C8C9989C3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525909"/>
            <a:ext cx="635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Sep 10 - Sep 20</a:t>
            </a:r>
          </a:p>
        </p:txBody>
      </p:sp>
      <p:sp>
        <p:nvSpPr>
          <p:cNvPr id="314" name="OTLSHAPE_SLT_819d9bc8b0984a6cb22f5d2395cf1ac6_StartDate" hidden="1">
            <a:extLst>
              <a:ext uri="{FF2B5EF4-FFF2-40B4-BE49-F238E27FC236}">
                <a16:creationId xmlns:a16="http://schemas.microsoft.com/office/drawing/2014/main" id="{C39E318F-A906-4943-A871-0640C985D83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SLT_819d9bc8b0984a6cb22f5d2395cf1ac6_EndDate" hidden="1">
            <a:extLst>
              <a:ext uri="{FF2B5EF4-FFF2-40B4-BE49-F238E27FC236}">
                <a16:creationId xmlns:a16="http://schemas.microsoft.com/office/drawing/2014/main" id="{8C42C409-E213-45FB-989A-40CECDE720D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SLT_619e7a35b09e4de7abc305b745fc1c2a_Duration" hidden="1">
            <a:extLst>
              <a:ext uri="{FF2B5EF4-FFF2-40B4-BE49-F238E27FC236}">
                <a16:creationId xmlns:a16="http://schemas.microsoft.com/office/drawing/2014/main" id="{87A66F62-50C5-4266-893E-EF2DA5EC7995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524480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7.2 days</a:t>
            </a:r>
          </a:p>
        </p:txBody>
      </p:sp>
      <p:sp>
        <p:nvSpPr>
          <p:cNvPr id="328" name="OTLSHAPE_SLT_619e7a35b09e4de7abc305b745fc1c2a_TextPercentage" hidden="1">
            <a:extLst>
              <a:ext uri="{FF2B5EF4-FFF2-40B4-BE49-F238E27FC236}">
                <a16:creationId xmlns:a16="http://schemas.microsoft.com/office/drawing/2014/main" id="{68B47EF4-F8F7-46DC-9A88-5559F859D6D2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9" name="OTLSHAPE_SLT_619e7a35b09e4de7abc305b745fc1c2a_JoinedDate" hidden="1">
            <a:extLst>
              <a:ext uri="{FF2B5EF4-FFF2-40B4-BE49-F238E27FC236}">
                <a16:creationId xmlns:a16="http://schemas.microsoft.com/office/drawing/2014/main" id="{691F742B-D579-4176-98AA-462A11343B7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525909"/>
            <a:ext cx="660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10 - Aug 21</a:t>
            </a:r>
          </a:p>
        </p:txBody>
      </p:sp>
      <p:sp>
        <p:nvSpPr>
          <p:cNvPr id="330" name="OTLSHAPE_SLT_619e7a35b09e4de7abc305b745fc1c2a_StartDate" hidden="1">
            <a:extLst>
              <a:ext uri="{FF2B5EF4-FFF2-40B4-BE49-F238E27FC236}">
                <a16:creationId xmlns:a16="http://schemas.microsoft.com/office/drawing/2014/main" id="{3B523385-8CE7-48D3-889B-713397B1749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31" name="OTLSHAPE_SLT_619e7a35b09e4de7abc305b745fc1c2a_EndDate" hidden="1">
            <a:extLst>
              <a:ext uri="{FF2B5EF4-FFF2-40B4-BE49-F238E27FC236}">
                <a16:creationId xmlns:a16="http://schemas.microsoft.com/office/drawing/2014/main" id="{FBBBFA90-4157-46C4-B4E9-18A72E7A7803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SLT_e5e316d20582456a824fe0c8cafeb5ab_Duration" hidden="1">
            <a:extLst>
              <a:ext uri="{FF2B5EF4-FFF2-40B4-BE49-F238E27FC236}">
                <a16:creationId xmlns:a16="http://schemas.microsoft.com/office/drawing/2014/main" id="{BA14AF34-A884-4986-A5FA-B2323863DAB2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530086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8.1 days</a:t>
            </a:r>
          </a:p>
        </p:txBody>
      </p:sp>
      <p:sp>
        <p:nvSpPr>
          <p:cNvPr id="336" name="OTLSHAPE_SLT_e5e316d20582456a824fe0c8cafeb5ab_TextPercentage" hidden="1">
            <a:extLst>
              <a:ext uri="{FF2B5EF4-FFF2-40B4-BE49-F238E27FC236}">
                <a16:creationId xmlns:a16="http://schemas.microsoft.com/office/drawing/2014/main" id="{06188568-2988-4B23-A74C-67CB626EAB8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7" name="OTLSHAPE_SLT_e5e316d20582456a824fe0c8cafeb5ab_JoinedDate" hidden="1">
            <a:extLst>
              <a:ext uri="{FF2B5EF4-FFF2-40B4-BE49-F238E27FC236}">
                <a16:creationId xmlns:a16="http://schemas.microsoft.com/office/drawing/2014/main" id="{72B386D4-CC8F-4CF8-9FBA-CDF43D54FFD9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585519"/>
            <a:ext cx="635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Sep 19 - Sep 29</a:t>
            </a:r>
          </a:p>
        </p:txBody>
      </p:sp>
      <p:sp>
        <p:nvSpPr>
          <p:cNvPr id="338" name="OTLSHAPE_SLT_e5e316d20582456a824fe0c8cafeb5ab_StartDate" hidden="1">
            <a:extLst>
              <a:ext uri="{FF2B5EF4-FFF2-40B4-BE49-F238E27FC236}">
                <a16:creationId xmlns:a16="http://schemas.microsoft.com/office/drawing/2014/main" id="{C515FB57-30F4-4689-AD40-57C65A476EA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39" name="OTLSHAPE_SLT_e5e316d20582456a824fe0c8cafeb5ab_EndDate" hidden="1">
            <a:extLst>
              <a:ext uri="{FF2B5EF4-FFF2-40B4-BE49-F238E27FC236}">
                <a16:creationId xmlns:a16="http://schemas.microsoft.com/office/drawing/2014/main" id="{2AD7C92F-AED7-40B3-AD2D-11A2550875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SLT_c780a31ff7244e5db7abb8ca024055fc_Duration" hidden="1">
            <a:extLst>
              <a:ext uri="{FF2B5EF4-FFF2-40B4-BE49-F238E27FC236}">
                <a16:creationId xmlns:a16="http://schemas.microsoft.com/office/drawing/2014/main" id="{F4326CA7-13F2-4FFB-987E-EA3C3D7AD83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52448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344" name="OTLSHAPE_SLT_c780a31ff7244e5db7abb8ca024055fc_TextPercentage" hidden="1">
            <a:extLst>
              <a:ext uri="{FF2B5EF4-FFF2-40B4-BE49-F238E27FC236}">
                <a16:creationId xmlns:a16="http://schemas.microsoft.com/office/drawing/2014/main" id="{61EFB71A-6E0F-44F3-8308-DAB6996658E0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5" name="OTLSHAPE_SLT_c780a31ff7244e5db7abb8ca024055fc_JoinedDate" hidden="1">
            <a:extLst>
              <a:ext uri="{FF2B5EF4-FFF2-40B4-BE49-F238E27FC236}">
                <a16:creationId xmlns:a16="http://schemas.microsoft.com/office/drawing/2014/main" id="{918831DB-27AD-4A03-8336-AAB1D157D0D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525909"/>
            <a:ext cx="660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20 - Aug 30</a:t>
            </a:r>
          </a:p>
        </p:txBody>
      </p:sp>
      <p:sp>
        <p:nvSpPr>
          <p:cNvPr id="346" name="OTLSHAPE_SLT_c780a31ff7244e5db7abb8ca024055fc_StartDate" hidden="1">
            <a:extLst>
              <a:ext uri="{FF2B5EF4-FFF2-40B4-BE49-F238E27FC236}">
                <a16:creationId xmlns:a16="http://schemas.microsoft.com/office/drawing/2014/main" id="{ADAC54E8-85EF-487D-8BB3-1382494EA01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47" name="OTLSHAPE_SLT_c780a31ff7244e5db7abb8ca024055fc_EndDate" hidden="1">
            <a:extLst>
              <a:ext uri="{FF2B5EF4-FFF2-40B4-BE49-F238E27FC236}">
                <a16:creationId xmlns:a16="http://schemas.microsoft.com/office/drawing/2014/main" id="{282113B4-F3A0-4852-90E9-F24C2F66B82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92" name="OTLSHAPE_SLT_ac44d9f697c54a83972a706bc7447ec1_Duration" hidden="1">
            <a:extLst>
              <a:ext uri="{FF2B5EF4-FFF2-40B4-BE49-F238E27FC236}">
                <a16:creationId xmlns:a16="http://schemas.microsoft.com/office/drawing/2014/main" id="{B48B5EE1-8E17-4EA1-A30E-CAEA2F9F4ABF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453142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7.9 days</a:t>
            </a:r>
          </a:p>
        </p:txBody>
      </p:sp>
      <p:sp>
        <p:nvSpPr>
          <p:cNvPr id="393" name="OTLSHAPE_SLT_ac44d9f697c54a83972a706bc7447ec1_TextPercentage" hidden="1">
            <a:extLst>
              <a:ext uri="{FF2B5EF4-FFF2-40B4-BE49-F238E27FC236}">
                <a16:creationId xmlns:a16="http://schemas.microsoft.com/office/drawing/2014/main" id="{8A4B9E7A-3233-49D2-8961-85BB3D94AA6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4" name="OTLSHAPE_SLT_ac44d9f697c54a83972a706bc7447ec1_JoinedDate" hidden="1">
            <a:extLst>
              <a:ext uri="{FF2B5EF4-FFF2-40B4-BE49-F238E27FC236}">
                <a16:creationId xmlns:a16="http://schemas.microsoft.com/office/drawing/2014/main" id="{6CE867D0-0119-4E70-9733-6FF6E4153F97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52396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 - Jun 10</a:t>
            </a:r>
          </a:p>
        </p:txBody>
      </p:sp>
      <p:sp>
        <p:nvSpPr>
          <p:cNvPr id="395" name="OTLSHAPE_SLT_ac44d9f697c54a83972a706bc7447ec1_StartDate" hidden="1">
            <a:extLst>
              <a:ext uri="{FF2B5EF4-FFF2-40B4-BE49-F238E27FC236}">
                <a16:creationId xmlns:a16="http://schemas.microsoft.com/office/drawing/2014/main" id="{82E72DF4-595D-42E7-8EE8-A8F413311A5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96" name="OTLSHAPE_SLT_ac44d9f697c54a83972a706bc7447ec1_EndDate" hidden="1">
            <a:extLst>
              <a:ext uri="{FF2B5EF4-FFF2-40B4-BE49-F238E27FC236}">
                <a16:creationId xmlns:a16="http://schemas.microsoft.com/office/drawing/2014/main" id="{9AF768CE-AABD-4A4A-AA51-CDA27EB7C58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00" name="OTLSHAPE_SLT_3e70bf38690448959be5b2c025350527_Duration" hidden="1">
            <a:extLst>
              <a:ext uri="{FF2B5EF4-FFF2-40B4-BE49-F238E27FC236}">
                <a16:creationId xmlns:a16="http://schemas.microsoft.com/office/drawing/2014/main" id="{C7577617-2EC4-4570-8360-9818AB35DB8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447536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6.5 days</a:t>
            </a:r>
          </a:p>
        </p:txBody>
      </p:sp>
      <p:sp>
        <p:nvSpPr>
          <p:cNvPr id="401" name="OTLSHAPE_SLT_3e70bf38690448959be5b2c025350527_TextPercentage" hidden="1">
            <a:extLst>
              <a:ext uri="{FF2B5EF4-FFF2-40B4-BE49-F238E27FC236}">
                <a16:creationId xmlns:a16="http://schemas.microsoft.com/office/drawing/2014/main" id="{274ED0C2-CA06-4262-B243-60EE108F563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2" name="OTLSHAPE_SLT_3e70bf38690448959be5b2c025350527_JoinedDate" hidden="1">
            <a:extLst>
              <a:ext uri="{FF2B5EF4-FFF2-40B4-BE49-F238E27FC236}">
                <a16:creationId xmlns:a16="http://schemas.microsoft.com/office/drawing/2014/main" id="{4B8CD016-8C3F-41B9-83E6-C548650CDC9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523965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0 - Jun 20</a:t>
            </a:r>
          </a:p>
        </p:txBody>
      </p:sp>
      <p:sp>
        <p:nvSpPr>
          <p:cNvPr id="403" name="OTLSHAPE_SLT_3e70bf38690448959be5b2c025350527_StartDate" hidden="1">
            <a:extLst>
              <a:ext uri="{FF2B5EF4-FFF2-40B4-BE49-F238E27FC236}">
                <a16:creationId xmlns:a16="http://schemas.microsoft.com/office/drawing/2014/main" id="{D415FBFB-4C51-4646-AD6E-5F831FFED5AE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04" name="OTLSHAPE_SLT_3e70bf38690448959be5b2c025350527_EndDate" hidden="1">
            <a:extLst>
              <a:ext uri="{FF2B5EF4-FFF2-40B4-BE49-F238E27FC236}">
                <a16:creationId xmlns:a16="http://schemas.microsoft.com/office/drawing/2014/main" id="{CAB1381E-D21E-4D8E-A55E-6DA78ECEDAEA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SLT_07ff7467c4d541e38bf25b21977006a9_Duration" hidden="1">
            <a:extLst>
              <a:ext uri="{FF2B5EF4-FFF2-40B4-BE49-F238E27FC236}">
                <a16:creationId xmlns:a16="http://schemas.microsoft.com/office/drawing/2014/main" id="{AF65142E-82A4-4556-83CD-EC28289A2082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376198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409" name="OTLSHAPE_SLT_07ff7467c4d541e38bf25b21977006a9_TextPercentage" hidden="1">
            <a:extLst>
              <a:ext uri="{FF2B5EF4-FFF2-40B4-BE49-F238E27FC236}">
                <a16:creationId xmlns:a16="http://schemas.microsoft.com/office/drawing/2014/main" id="{19C1C2B1-0518-4E82-8786-C70051F5A09E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" name="OTLSHAPE_SLT_07ff7467c4d541e38bf25b21977006a9_JoinedDate" hidden="1">
            <a:extLst>
              <a:ext uri="{FF2B5EF4-FFF2-40B4-BE49-F238E27FC236}">
                <a16:creationId xmlns:a16="http://schemas.microsoft.com/office/drawing/2014/main" id="{2A482636-4723-4D48-8B7B-75D6CECAFCC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52590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9 - Jun 29</a:t>
            </a:r>
          </a:p>
        </p:txBody>
      </p:sp>
      <p:sp>
        <p:nvSpPr>
          <p:cNvPr id="411" name="OTLSHAPE_SLT_07ff7467c4d541e38bf25b21977006a9_StartDate" hidden="1">
            <a:extLst>
              <a:ext uri="{FF2B5EF4-FFF2-40B4-BE49-F238E27FC236}">
                <a16:creationId xmlns:a16="http://schemas.microsoft.com/office/drawing/2014/main" id="{3EB4418C-CCC3-4A3A-A8E1-32EFEB936D7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12" name="OTLSHAPE_SLT_07ff7467c4d541e38bf25b21977006a9_EndDate" hidden="1">
            <a:extLst>
              <a:ext uri="{FF2B5EF4-FFF2-40B4-BE49-F238E27FC236}">
                <a16:creationId xmlns:a16="http://schemas.microsoft.com/office/drawing/2014/main" id="{3A01B6A6-AC65-4349-B216-101B396E133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731358F-69C5-48D1-9C16-18940D306AB6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933365" y="188055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rgbClr val="0B0C08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2E7BA9A-5756-4CCA-A08B-0B3E63699898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503596" y="188055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0B0C08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FE396CA-5C0F-43F2-A9C6-D9A8B9F293E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6159500" y="1880552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0B0C08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31D9177-C2D1-4281-BAD1-78B17716F3C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8815405" y="1880552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rgbClr val="0B0C08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30" name="OTLSHAPE_SLT_08e0bedf0de5468bb66850337b8fdc6a_Duration">
            <a:extLst>
              <a:ext uri="{FF2B5EF4-FFF2-40B4-BE49-F238E27FC236}">
                <a16:creationId xmlns:a16="http://schemas.microsoft.com/office/drawing/2014/main" id="{8A54C924-DF48-4235-AC0B-0152E4239CE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869865" y="2959523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 dirty="0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35" name="OTLSHAPE_SLT_08e0bedf0de5468bb66850337b8fdc6a_Title">
            <a:extLst>
              <a:ext uri="{FF2B5EF4-FFF2-40B4-BE49-F238E27FC236}">
                <a16:creationId xmlns:a16="http://schemas.microsoft.com/office/drawing/2014/main" id="{498B98C0-961E-4259-B13B-CC3999CBCE9B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866940" y="3114548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 dirty="0">
                <a:solidFill>
                  <a:srgbClr val="F2F8F7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238" name="OTLSHAPE_SLT_1b0e56a2e8c6404a875d0007c4a3b646_Duration">
            <a:extLst>
              <a:ext uri="{FF2B5EF4-FFF2-40B4-BE49-F238E27FC236}">
                <a16:creationId xmlns:a16="http://schemas.microsoft.com/office/drawing/2014/main" id="{245CAAC2-C765-42D9-8175-62ED620D7D5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3440096" y="2959523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  <a:endParaRPr lang="en-GB" sz="1000" i="1" spc="-6" dirty="0">
              <a:solidFill>
                <a:srgbClr val="4B201B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SLT_1b0e56a2e8c6404a875d0007c4a3b646_Title">
            <a:extLst>
              <a:ext uri="{FF2B5EF4-FFF2-40B4-BE49-F238E27FC236}">
                <a16:creationId xmlns:a16="http://schemas.microsoft.com/office/drawing/2014/main" id="{73E50C58-0778-43CD-BA20-698D54889CA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4437171" y="3114548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 dirty="0">
                <a:solidFill>
                  <a:srgbClr val="F2F8F7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270" name="OTLSHAPE_SLT_6d6be110b01f42148831f9d5e736b478_Duration">
            <a:extLst>
              <a:ext uri="{FF2B5EF4-FFF2-40B4-BE49-F238E27FC236}">
                <a16:creationId xmlns:a16="http://schemas.microsoft.com/office/drawing/2014/main" id="{61E898A5-C892-414C-96E9-8C410A37A3F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5975392" y="435940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 dirty="0">
                <a:solidFill>
                  <a:srgbClr val="4B201B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275" name="OTLSHAPE_SLT_6d6be110b01f42148831f9d5e736b478_Title">
            <a:extLst>
              <a:ext uri="{FF2B5EF4-FFF2-40B4-BE49-F238E27FC236}">
                <a16:creationId xmlns:a16="http://schemas.microsoft.com/office/drawing/2014/main" id="{0F8F505F-8EC2-4224-8221-C9D65702A06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2870285" y="4343887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rgbClr val="4B3006"/>
                </a:solidFill>
                <a:latin typeface="Calibri" panose="020F0502020204030204" pitchFamily="34" charset="0"/>
              </a:rPr>
              <a:t>QA + Refinement</a:t>
            </a:r>
          </a:p>
        </p:txBody>
      </p:sp>
      <p:sp>
        <p:nvSpPr>
          <p:cNvPr id="278" name="OTLSHAPE_SLT_af1e3d0a3492408f847e4063645d2402_Duration">
            <a:extLst>
              <a:ext uri="{FF2B5EF4-FFF2-40B4-BE49-F238E27FC236}">
                <a16:creationId xmlns:a16="http://schemas.microsoft.com/office/drawing/2014/main" id="{89A2F7DB-F1EE-4D13-80E7-DF19506EB9B3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6096000" y="470361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283" name="OTLSHAPE_SLT_af1e3d0a3492408f847e4063645d2402_Title">
            <a:extLst>
              <a:ext uri="{FF2B5EF4-FFF2-40B4-BE49-F238E27FC236}">
                <a16:creationId xmlns:a16="http://schemas.microsoft.com/office/drawing/2014/main" id="{9966DC66-65B4-44BA-B2F4-8CC05CC1CC1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7135912" y="485863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>
                <a:solidFill>
                  <a:srgbClr val="F2F8F7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286" name="OTLSHAPE_SLT_294fe748a7124b39a3acbcb66a8d913c_Duration">
            <a:extLst>
              <a:ext uri="{FF2B5EF4-FFF2-40B4-BE49-F238E27FC236}">
                <a16:creationId xmlns:a16="http://schemas.microsoft.com/office/drawing/2014/main" id="{05F5E352-3767-4A25-9B85-2734959F239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751905" y="470361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91" name="OTLSHAPE_SLT_294fe748a7124b39a3acbcb66a8d913c_Title">
            <a:extLst>
              <a:ext uri="{FF2B5EF4-FFF2-40B4-BE49-F238E27FC236}">
                <a16:creationId xmlns:a16="http://schemas.microsoft.com/office/drawing/2014/main" id="{A8DA6985-CDA6-4D74-95B7-40B662E71949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9748980" y="485863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>
                <a:solidFill>
                  <a:srgbClr val="F2F8F7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318" name="OTLSHAPE_SLT_ad9b37afa3564cfa92005eda350aded8_Duration">
            <a:extLst>
              <a:ext uri="{FF2B5EF4-FFF2-40B4-BE49-F238E27FC236}">
                <a16:creationId xmlns:a16="http://schemas.microsoft.com/office/drawing/2014/main" id="{04C6E515-E7FF-45EE-9CC6-5BF12374B5E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5650950" y="6103493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44 days</a:t>
            </a:r>
            <a:endParaRPr lang="en-GB" sz="1000" i="1" spc="-6" dirty="0">
              <a:solidFill>
                <a:srgbClr val="4B201B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SLT_ad9b37afa3564cfa92005eda350aded8_Title">
            <a:extLst>
              <a:ext uri="{FF2B5EF4-FFF2-40B4-BE49-F238E27FC236}">
                <a16:creationId xmlns:a16="http://schemas.microsoft.com/office/drawing/2014/main" id="{80D13803-0A09-4997-8923-1B47F8D9A500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8139257" y="6087978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rgbClr val="4B3006"/>
                </a:solidFill>
                <a:latin typeface="Calibri" panose="020F0502020204030204" pitchFamily="34" charset="0"/>
              </a:rPr>
              <a:t>QA + Refinement</a:t>
            </a:r>
          </a:p>
        </p:txBody>
      </p:sp>
      <p:sp>
        <p:nvSpPr>
          <p:cNvPr id="44" name="OTLSHAPE_SLT_964dd225bc794dbcb1404edfa86e4dfb_Title">
            <a:extLst>
              <a:ext uri="{FF2B5EF4-FFF2-40B4-BE49-F238E27FC236}">
                <a16:creationId xmlns:a16="http://schemas.microsoft.com/office/drawing/2014/main" id="{27A2FD74-67E9-4FC5-8B3E-499554E34B64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3564790" y="411678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b50d9a604bff4bec94209a69119bbc05_Title">
            <a:extLst>
              <a:ext uri="{FF2B5EF4-FFF2-40B4-BE49-F238E27FC236}">
                <a16:creationId xmlns:a16="http://schemas.microsoft.com/office/drawing/2014/main" id="{1601DFD9-1954-41DB-A755-747947F8E7A1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4378696" y="411678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</a:p>
        </p:txBody>
      </p:sp>
      <p:sp>
        <p:nvSpPr>
          <p:cNvPr id="204" name="OTLSHAPE_SLT_18540a1b169243c79c1025e99fb61372_Title">
            <a:extLst>
              <a:ext uri="{FF2B5EF4-FFF2-40B4-BE49-F238E27FC236}">
                <a16:creationId xmlns:a16="http://schemas.microsoft.com/office/drawing/2014/main" id="{F8447417-6383-49D4-856F-A960315A883D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5178978" y="411678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</a:p>
        </p:txBody>
      </p:sp>
      <p:sp>
        <p:nvSpPr>
          <p:cNvPr id="300" name="OTLSHAPE_SLT_55f2cbcc513a455d8b16209a6b1b04be_Title">
            <a:extLst>
              <a:ext uri="{FF2B5EF4-FFF2-40B4-BE49-F238E27FC236}">
                <a16:creationId xmlns:a16="http://schemas.microsoft.com/office/drawing/2014/main" id="{49540070-C94F-48A4-89AE-8891B017A2FD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6227001" y="586088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</a:p>
        </p:txBody>
      </p:sp>
      <p:sp>
        <p:nvSpPr>
          <p:cNvPr id="308" name="OTLSHAPE_SLT_b35a27552cbe4f0f872da8baec125766_Title">
            <a:extLst>
              <a:ext uri="{FF2B5EF4-FFF2-40B4-BE49-F238E27FC236}">
                <a16:creationId xmlns:a16="http://schemas.microsoft.com/office/drawing/2014/main" id="{64BD48D5-5499-4EA6-9894-D3BD82C1B916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8866991" y="586088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</a:p>
        </p:txBody>
      </p:sp>
      <p:sp>
        <p:nvSpPr>
          <p:cNvPr id="324" name="OTLSHAPE_SLT_819d9bc8b0984a6cb22f5d2395cf1ac6_Title">
            <a:extLst>
              <a:ext uri="{FF2B5EF4-FFF2-40B4-BE49-F238E27FC236}">
                <a16:creationId xmlns:a16="http://schemas.microsoft.com/office/drawing/2014/main" id="{CA952BD5-3070-41BA-8BB3-8CE5A744BA89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9680153" y="586088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</a:p>
        </p:txBody>
      </p:sp>
      <p:sp>
        <p:nvSpPr>
          <p:cNvPr id="332" name="OTLSHAPE_SLT_619e7a35b09e4de7abc305b745fc1c2a_Title">
            <a:extLst>
              <a:ext uri="{FF2B5EF4-FFF2-40B4-BE49-F238E27FC236}">
                <a16:creationId xmlns:a16="http://schemas.microsoft.com/office/drawing/2014/main" id="{8293984A-187B-4E2A-90D9-5BE52B7EB650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7077557" y="586088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</a:p>
        </p:txBody>
      </p:sp>
      <p:sp>
        <p:nvSpPr>
          <p:cNvPr id="340" name="OTLSHAPE_SLT_e5e316d20582456a824fe0c8cafeb5ab_Title">
            <a:extLst>
              <a:ext uri="{FF2B5EF4-FFF2-40B4-BE49-F238E27FC236}">
                <a16:creationId xmlns:a16="http://schemas.microsoft.com/office/drawing/2014/main" id="{3CD866F7-D6B5-4BC4-ABC7-DFD8F52F4949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0487396" y="586088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</a:p>
        </p:txBody>
      </p:sp>
      <p:sp>
        <p:nvSpPr>
          <p:cNvPr id="348" name="OTLSHAPE_SLT_c780a31ff7244e5db7abb8ca024055fc_Title">
            <a:extLst>
              <a:ext uri="{FF2B5EF4-FFF2-40B4-BE49-F238E27FC236}">
                <a16:creationId xmlns:a16="http://schemas.microsoft.com/office/drawing/2014/main" id="{50B723ED-7E91-45F6-8ADC-5B095400D6E7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7910324" y="586088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</a:p>
        </p:txBody>
      </p:sp>
      <p:sp>
        <p:nvSpPr>
          <p:cNvPr id="397" name="OTLSHAPE_SLT_ac44d9f697c54a83972a706bc7447ec1_Title">
            <a:extLst>
              <a:ext uri="{FF2B5EF4-FFF2-40B4-BE49-F238E27FC236}">
                <a16:creationId xmlns:a16="http://schemas.microsoft.com/office/drawing/2014/main" id="{E3896608-65A6-4404-8765-0954697D38D1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976889" y="411678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405" name="OTLSHAPE_SLT_3e70bf38690448959be5b2c025350527_Title">
            <a:extLst>
              <a:ext uri="{FF2B5EF4-FFF2-40B4-BE49-F238E27FC236}">
                <a16:creationId xmlns:a16="http://schemas.microsoft.com/office/drawing/2014/main" id="{63159FDB-8E1E-42B4-9ED6-EB5A9B6F62CD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783894" y="411678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413" name="OTLSHAPE_SLT_07ff7467c4d541e38bf25b21977006a9_Title">
            <a:extLst>
              <a:ext uri="{FF2B5EF4-FFF2-40B4-BE49-F238E27FC236}">
                <a16:creationId xmlns:a16="http://schemas.microsoft.com/office/drawing/2014/main" id="{D1453D2E-95CD-4194-AA5A-F0E09BE07B0B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2602828" y="411678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SLM_4dce5c1223684d08953a4a462ea1b76c_Title">
            <a:extLst>
              <a:ext uri="{FF2B5EF4-FFF2-40B4-BE49-F238E27FC236}">
                <a16:creationId xmlns:a16="http://schemas.microsoft.com/office/drawing/2014/main" id="{0F5D1207-8D39-42CF-AB6F-87BC9D8B1EF0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753231" y="333870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32" name="OTLSHAPE_SLM_4dce5c1223684d08953a4a462ea1b76c_Date">
            <a:extLst>
              <a:ext uri="{FF2B5EF4-FFF2-40B4-BE49-F238E27FC236}">
                <a16:creationId xmlns:a16="http://schemas.microsoft.com/office/drawing/2014/main" id="{004F6064-E29F-4816-9A5F-E8709B646CC2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2889584" y="350922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34" name="OTLSHAPE_SLM_da97de9db41f41debf3ca8e35f0ef0b0_Title">
            <a:extLst>
              <a:ext uri="{FF2B5EF4-FFF2-40B4-BE49-F238E27FC236}">
                <a16:creationId xmlns:a16="http://schemas.microsoft.com/office/drawing/2014/main" id="{C2FB0B80-AEDD-4B37-9EAA-312E55E3A66F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4323461" y="3727746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35" name="OTLSHAPE_SLM_da97de9db41f41debf3ca8e35f0ef0b0_Date">
            <a:extLst>
              <a:ext uri="{FF2B5EF4-FFF2-40B4-BE49-F238E27FC236}">
                <a16:creationId xmlns:a16="http://schemas.microsoft.com/office/drawing/2014/main" id="{0DD8991A-B81A-442B-B17E-48DC1570D737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5497407" y="389826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Jul 29</a:t>
            </a:r>
          </a:p>
        </p:txBody>
      </p:sp>
      <p:sp>
        <p:nvSpPr>
          <p:cNvPr id="52" name="OTLSHAPE_SLM_c2f71ac1311540508947d12439ad3d9c_Title">
            <a:extLst>
              <a:ext uri="{FF2B5EF4-FFF2-40B4-BE49-F238E27FC236}">
                <a16:creationId xmlns:a16="http://schemas.microsoft.com/office/drawing/2014/main" id="{C5B1A914-2889-46EF-8A2B-8272DB1BAD34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065040" y="5082794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53" name="OTLSHAPE_SLM_c2f71ac1311540508947d12439ad3d9c_Date">
            <a:extLst>
              <a:ext uri="{FF2B5EF4-FFF2-40B4-BE49-F238E27FC236}">
                <a16:creationId xmlns:a16="http://schemas.microsoft.com/office/drawing/2014/main" id="{9A5C8095-2452-4DDD-9DE7-0331163788DE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8175359" y="525331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Aug 30</a:t>
            </a:r>
          </a:p>
        </p:txBody>
      </p:sp>
      <p:sp>
        <p:nvSpPr>
          <p:cNvPr id="61" name="OTLSHAPE_SLM_87864714589d40ac853417c5c3a0f561_Title">
            <a:extLst>
              <a:ext uri="{FF2B5EF4-FFF2-40B4-BE49-F238E27FC236}">
                <a16:creationId xmlns:a16="http://schemas.microsoft.com/office/drawing/2014/main" id="{FF139E5A-E15B-471E-B7C9-EDF5AC7E0F8A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9635271" y="5471837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62" name="OTLSHAPE_SLM_87864714589d40ac853417c5c3a0f561_Date">
            <a:extLst>
              <a:ext uri="{FF2B5EF4-FFF2-40B4-BE49-F238E27FC236}">
                <a16:creationId xmlns:a16="http://schemas.microsoft.com/office/drawing/2014/main" id="{4B13E29A-5755-46C2-BD31-56154F7E5086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0757315" y="564235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Sep 29</a:t>
            </a:r>
          </a:p>
        </p:txBody>
      </p:sp>
      <p:cxnSp>
        <p:nvCxnSpPr>
          <p:cNvPr id="358" name="OTLSHAPE_TB_00000000000000000000000000000000_Separator1">
            <a:extLst>
              <a:ext uri="{FF2B5EF4-FFF2-40B4-BE49-F238E27FC236}">
                <a16:creationId xmlns:a16="http://schemas.microsoft.com/office/drawing/2014/main" id="{D84D8199-3530-4C5D-AC58-2E7B8E466373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3440095" y="187198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Separator2">
            <a:extLst>
              <a:ext uri="{FF2B5EF4-FFF2-40B4-BE49-F238E27FC236}">
                <a16:creationId xmlns:a16="http://schemas.microsoft.com/office/drawing/2014/main" id="{695B5D12-C3AF-429B-90EB-CC9C5D2FF507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6096000" y="187198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TB_00000000000000000000000000000000_Separator3">
            <a:extLst>
              <a:ext uri="{FF2B5EF4-FFF2-40B4-BE49-F238E27FC236}">
                <a16:creationId xmlns:a16="http://schemas.microsoft.com/office/drawing/2014/main" id="{715603C0-B23D-4BE9-A602-875C0D683380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8751905" y="187198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0" name="OTLSHAPE_M_ce2baea0373841e59d64442bfab3fcd0_Shape">
            <a:extLst>
              <a:ext uri="{FF2B5EF4-FFF2-40B4-BE49-F238E27FC236}">
                <a16:creationId xmlns:a16="http://schemas.microsoft.com/office/drawing/2014/main" id="{C5C4CE93-4788-43C4-B5E0-931E1EA33701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 rot="16200000">
            <a:off x="5956342" y="1340908"/>
            <a:ext cx="165100" cy="165100"/>
          </a:xfrm>
          <a:prstGeom prst="flowChartMerge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" name="OTLSHAPE_M_b3cb0dee30a941b595aaa6af70cd9f04_Shape">
            <a:extLst>
              <a:ext uri="{FF2B5EF4-FFF2-40B4-BE49-F238E27FC236}">
                <a16:creationId xmlns:a16="http://schemas.microsoft.com/office/drawing/2014/main" id="{35A84654-D27C-459F-9308-88408C074A3C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 rot="16200000">
            <a:off x="11268152" y="1340908"/>
            <a:ext cx="165100" cy="165100"/>
          </a:xfrm>
          <a:prstGeom prst="flowChartMerge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" name="OTLSHAPE_M_8b370620bb764b8e8cc5cc7c274a3175_Shape">
            <a:extLst>
              <a:ext uri="{FF2B5EF4-FFF2-40B4-BE49-F238E27FC236}">
                <a16:creationId xmlns:a16="http://schemas.microsoft.com/office/drawing/2014/main" id="{93DFC95E-3E3D-4C86-947C-E0464E8270D7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3325736" y="2100580"/>
            <a:ext cx="228600" cy="254000"/>
          </a:xfrm>
          <a:prstGeom prst="diamond">
            <a:avLst/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4" name="OTLSHAPE_M_380d31cd42614ca689b841b9ae525c0a_Shape">
            <a:extLst>
              <a:ext uri="{FF2B5EF4-FFF2-40B4-BE49-F238E27FC236}">
                <a16:creationId xmlns:a16="http://schemas.microsoft.com/office/drawing/2014/main" id="{3F7E021F-39E2-46EE-9DE1-A0218E475CC3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8637546" y="2100580"/>
            <a:ext cx="228600" cy="254000"/>
          </a:xfrm>
          <a:prstGeom prst="diamond">
            <a:avLst/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0" name="OTLSHAPE_M_6e1bbe3303c84389a6c6927150b74804_Shape">
            <a:extLst>
              <a:ext uri="{FF2B5EF4-FFF2-40B4-BE49-F238E27FC236}">
                <a16:creationId xmlns:a16="http://schemas.microsoft.com/office/drawing/2014/main" id="{7BDDEC3C-C6AE-4314-B719-86712BE2F9FD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 rot="16200000">
            <a:off x="5442296" y="88836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3" name="OTLSHAPE_M_6dc2965cfa71454c820c588bc9d487de_Shape">
            <a:extLst>
              <a:ext uri="{FF2B5EF4-FFF2-40B4-BE49-F238E27FC236}">
                <a16:creationId xmlns:a16="http://schemas.microsoft.com/office/drawing/2014/main" id="{EE6B4411-346E-42E5-B35D-47675A07A678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 rot="16200000">
            <a:off x="10497083" y="88836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M_6fb7ee9d9c86477dbb03785e5085955d_Shape">
            <a:extLst>
              <a:ext uri="{FF2B5EF4-FFF2-40B4-BE49-F238E27FC236}">
                <a16:creationId xmlns:a16="http://schemas.microsoft.com/office/drawing/2014/main" id="{09846A28-E9A9-4E9D-8232-B4A047A13881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 rot="16200000">
            <a:off x="987230" y="1270381"/>
            <a:ext cx="228600" cy="228600"/>
          </a:xfrm>
          <a:prstGeom prst="flowChartMerge">
            <a:avLst/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M_ac3778eeb4084cca91c7d624c29f2218_Shape">
            <a:extLst>
              <a:ext uri="{FF2B5EF4-FFF2-40B4-BE49-F238E27FC236}">
                <a16:creationId xmlns:a16="http://schemas.microsoft.com/office/drawing/2014/main" id="{CE8EF39C-B61F-4DCA-AEEC-ECAC48275CF6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5810292" y="2100580"/>
            <a:ext cx="228600" cy="254000"/>
          </a:xfrm>
          <a:prstGeom prst="chevron">
            <a:avLst>
              <a:gd name="adj" fmla="val 30000"/>
            </a:avLst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" name="OTLSHAPE_M_b11d0bcfe6014f559de0e23012b499f0_Shape">
            <a:extLst>
              <a:ext uri="{FF2B5EF4-FFF2-40B4-BE49-F238E27FC236}">
                <a16:creationId xmlns:a16="http://schemas.microsoft.com/office/drawing/2014/main" id="{63B907C2-D00A-474B-956F-C127A83E9913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11122102" y="2100580"/>
            <a:ext cx="228600" cy="254000"/>
          </a:xfrm>
          <a:prstGeom prst="chevron">
            <a:avLst>
              <a:gd name="adj" fmla="val 30000"/>
            </a:avLst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2" name="OTLSHAPE_M_6fb7ee9d9c86477dbb03785e5085955d_Title">
            <a:extLst>
              <a:ext uri="{FF2B5EF4-FFF2-40B4-BE49-F238E27FC236}">
                <a16:creationId xmlns:a16="http://schemas.microsoft.com/office/drawing/2014/main" id="{3AD60F58-BCAA-4BBF-9491-7E2347AD9453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47580" y="1151382"/>
            <a:ext cx="584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u="sng" spc="-18" dirty="0">
                <a:solidFill>
                  <a:srgbClr val="714809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13" name="OTLSHAPE_M_6fb7ee9d9c86477dbb03785e5085955d_Date">
            <a:extLst>
              <a:ext uri="{FF2B5EF4-FFF2-40B4-BE49-F238E27FC236}">
                <a16:creationId xmlns:a16="http://schemas.microsoft.com/office/drawing/2014/main" id="{B3A9CB97-7283-47F4-9C0D-975BAF3142BB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47580" y="1381125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14" dirty="0">
                <a:solidFill>
                  <a:srgbClr val="975F0C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26" name="OTLSHAPE_M_ce2baea0373841e59d64442bfab3fcd0_Title">
            <a:extLst>
              <a:ext uri="{FF2B5EF4-FFF2-40B4-BE49-F238E27FC236}">
                <a16:creationId xmlns:a16="http://schemas.microsoft.com/office/drawing/2014/main" id="{2A24773E-2949-4E8E-8638-960B7FB8F74B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6153192" y="122893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Release 1</a:t>
            </a:r>
          </a:p>
        </p:txBody>
      </p:sp>
      <p:sp>
        <p:nvSpPr>
          <p:cNvPr id="27" name="OTLSHAPE_M_ce2baea0373841e59d64442bfab3fcd0_Date">
            <a:extLst>
              <a:ext uri="{FF2B5EF4-FFF2-40B4-BE49-F238E27FC236}">
                <a16:creationId xmlns:a16="http://schemas.microsoft.com/office/drawing/2014/main" id="{7F7117A4-2C6D-4A1D-9F86-DAE8668D8B62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6153192" y="14121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Jul 29</a:t>
            </a:r>
          </a:p>
        </p:txBody>
      </p:sp>
      <p:sp>
        <p:nvSpPr>
          <p:cNvPr id="29" name="OTLSHAPE_M_b3cb0dee30a941b595aaa6af70cd9f04_Title">
            <a:extLst>
              <a:ext uri="{FF2B5EF4-FFF2-40B4-BE49-F238E27FC236}">
                <a16:creationId xmlns:a16="http://schemas.microsoft.com/office/drawing/2014/main" id="{C31E0B2F-F543-4825-9C2D-AF9039BDA06B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1465002" y="122893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Release 2</a:t>
            </a:r>
          </a:p>
        </p:txBody>
      </p:sp>
      <p:sp>
        <p:nvSpPr>
          <p:cNvPr id="30" name="OTLSHAPE_M_b3cb0dee30a941b595aaa6af70cd9f04_Date">
            <a:extLst>
              <a:ext uri="{FF2B5EF4-FFF2-40B4-BE49-F238E27FC236}">
                <a16:creationId xmlns:a16="http://schemas.microsoft.com/office/drawing/2014/main" id="{5AA3F43C-B8F7-4E7B-A60B-187C1FF2BE69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1465002" y="14121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15" name="OTLSHAPE_M_8b370620bb764b8e8cc5cc7c274a3175_Title">
            <a:extLst>
              <a:ext uri="{FF2B5EF4-FFF2-40B4-BE49-F238E27FC236}">
                <a16:creationId xmlns:a16="http://schemas.microsoft.com/office/drawing/2014/main" id="{46FB75B3-B3EE-4680-8E24-707FD00817A1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2866589" y="254770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akeholder Review</a:t>
            </a:r>
            <a:endParaRPr lang="en-US" sz="1100" b="1" spc="-8" dirty="0">
              <a:solidFill>
                <a:srgbClr val="222518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M_8b370620bb764b8e8cc5cc7c274a3175_Date">
            <a:extLst>
              <a:ext uri="{FF2B5EF4-FFF2-40B4-BE49-F238E27FC236}">
                <a16:creationId xmlns:a16="http://schemas.microsoft.com/office/drawing/2014/main" id="{19730C39-E1D8-41F5-B5DE-5A0B88ED6202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3274322" y="23799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9" name="OTLSHAPE_M_ac3778eeb4084cca91c7d624c29f2218_Title">
            <a:extLst>
              <a:ext uri="{FF2B5EF4-FFF2-40B4-BE49-F238E27FC236}">
                <a16:creationId xmlns:a16="http://schemas.microsoft.com/office/drawing/2014/main" id="{BA642F68-1937-4A4F-AEA9-0D4BF9024B74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5427303" y="254770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rategy Meeting</a:t>
            </a:r>
          </a:p>
        </p:txBody>
      </p:sp>
      <p:sp>
        <p:nvSpPr>
          <p:cNvPr id="20" name="OTLSHAPE_M_ac3778eeb4084cca91c7d624c29f2218_Date">
            <a:extLst>
              <a:ext uri="{FF2B5EF4-FFF2-40B4-BE49-F238E27FC236}">
                <a16:creationId xmlns:a16="http://schemas.microsoft.com/office/drawing/2014/main" id="{2B23785B-2DEB-4572-8F6D-70732DFB2E4F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5777674" y="237998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Jul 29</a:t>
            </a:r>
          </a:p>
        </p:txBody>
      </p:sp>
      <p:sp>
        <p:nvSpPr>
          <p:cNvPr id="246" name="OTLSHAPE_M_380d31cd42614ca689b841b9ae525c0a_Title">
            <a:extLst>
              <a:ext uri="{FF2B5EF4-FFF2-40B4-BE49-F238E27FC236}">
                <a16:creationId xmlns:a16="http://schemas.microsoft.com/office/drawing/2014/main" id="{AD83B188-A4E0-4F86-A7DD-0AA4CF47F94B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8178398" y="254770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akeholder Review</a:t>
            </a:r>
            <a:endParaRPr lang="en-US" sz="1100" b="1" spc="-8" dirty="0">
              <a:solidFill>
                <a:srgbClr val="222518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M_380d31cd42614ca689b841b9ae525c0a_Date">
            <a:extLst>
              <a:ext uri="{FF2B5EF4-FFF2-40B4-BE49-F238E27FC236}">
                <a16:creationId xmlns:a16="http://schemas.microsoft.com/office/drawing/2014/main" id="{DD610AC1-6845-41DA-A060-6DAEC1F8ED3F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8573115" y="237998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Aug 31</a:t>
            </a:r>
          </a:p>
        </p:txBody>
      </p:sp>
      <p:sp>
        <p:nvSpPr>
          <p:cNvPr id="249" name="OTLSHAPE_M_b11d0bcfe6014f559de0e23012b499f0_Title">
            <a:extLst>
              <a:ext uri="{FF2B5EF4-FFF2-40B4-BE49-F238E27FC236}">
                <a16:creationId xmlns:a16="http://schemas.microsoft.com/office/drawing/2014/main" id="{FBA953D0-6532-4C4C-836B-B09B3E679E10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0739112" y="254770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rategy Meeting</a:t>
            </a:r>
          </a:p>
        </p:txBody>
      </p:sp>
      <p:sp>
        <p:nvSpPr>
          <p:cNvPr id="252" name="OTLSHAPE_M_b11d0bcfe6014f559de0e23012b499f0_Date">
            <a:extLst>
              <a:ext uri="{FF2B5EF4-FFF2-40B4-BE49-F238E27FC236}">
                <a16:creationId xmlns:a16="http://schemas.microsoft.com/office/drawing/2014/main" id="{2AAC010D-F946-4D7A-9507-E38308E90400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1063534" y="237998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478" name="OTLSHAPE_M_6e1bbe3303c84389a6c6927150b74804_Title">
            <a:extLst>
              <a:ext uri="{FF2B5EF4-FFF2-40B4-BE49-F238E27FC236}">
                <a16:creationId xmlns:a16="http://schemas.microsoft.com/office/drawing/2014/main" id="{A593BACB-3A3C-4870-BEA7-AB5ED1A518B8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5639146" y="77639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222518"/>
                </a:solidFill>
                <a:latin typeface="Calibri" panose="020F0502020204030204" pitchFamily="34" charset="0"/>
              </a:rPr>
              <a:t>Staging R1</a:t>
            </a:r>
          </a:p>
        </p:txBody>
      </p:sp>
      <p:sp>
        <p:nvSpPr>
          <p:cNvPr id="479" name="OTLSHAPE_M_6e1bbe3303c84389a6c6927150b74804_Date">
            <a:extLst>
              <a:ext uri="{FF2B5EF4-FFF2-40B4-BE49-F238E27FC236}">
                <a16:creationId xmlns:a16="http://schemas.microsoft.com/office/drawing/2014/main" id="{C2AF4CA2-D759-4F85-A074-F7035469858F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5639146" y="95961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434931"/>
                </a:solidFill>
                <a:latin typeface="Calibri" panose="020F0502020204030204" pitchFamily="34" charset="0"/>
              </a:rPr>
              <a:t>Jul 23</a:t>
            </a:r>
          </a:p>
        </p:txBody>
      </p:sp>
      <p:sp>
        <p:nvSpPr>
          <p:cNvPr id="481" name="OTLSHAPE_M_6dc2965cfa71454c820c588bc9d487de_Title">
            <a:extLst>
              <a:ext uri="{FF2B5EF4-FFF2-40B4-BE49-F238E27FC236}">
                <a16:creationId xmlns:a16="http://schemas.microsoft.com/office/drawing/2014/main" id="{54BA08DE-C858-4C43-B93A-ED028AA963DE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0693933" y="77639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aging R2</a:t>
            </a:r>
          </a:p>
        </p:txBody>
      </p:sp>
      <p:sp>
        <p:nvSpPr>
          <p:cNvPr id="482" name="OTLSHAPE_M_6dc2965cfa71454c820c588bc9d487de_Date">
            <a:extLst>
              <a:ext uri="{FF2B5EF4-FFF2-40B4-BE49-F238E27FC236}">
                <a16:creationId xmlns:a16="http://schemas.microsoft.com/office/drawing/2014/main" id="{C323111F-98A8-4E0A-B1F8-2638D3982F13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0693933" y="95961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456" name="OTLSHAPE_SLA_0d2dbc1ed30b4f539c4a4b4610d45b4b_Title" hidden="1">
            <a:extLst>
              <a:ext uri="{FF2B5EF4-FFF2-40B4-BE49-F238E27FC236}">
                <a16:creationId xmlns:a16="http://schemas.microsoft.com/office/drawing/2014/main" id="{1574EB0C-5B46-49A8-8D11-6126099C825C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rgbClr val="222518"/>
                </a:solidFill>
                <a:latin typeface="Calibri" panose="020F0502020204030204" pitchFamily="34" charset="0"/>
              </a:rPr>
              <a:t>T1</a:t>
            </a:r>
          </a:p>
        </p:txBody>
      </p:sp>
      <p:sp>
        <p:nvSpPr>
          <p:cNvPr id="457" name="OTLSHAPE_SLA_0d2dbc1ed30b4f539c4a4b4610d45b4b_Date" hidden="1">
            <a:extLst>
              <a:ext uri="{FF2B5EF4-FFF2-40B4-BE49-F238E27FC236}">
                <a16:creationId xmlns:a16="http://schemas.microsoft.com/office/drawing/2014/main" id="{3F6FBA3A-3111-4AA1-A0CA-BF281B55F181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34931"/>
                </a:solidFill>
                <a:latin typeface="Calibri" panose="020F0502020204030204" pitchFamily="34" charset="0"/>
              </a:rPr>
              <a:t>Jul 15</a:t>
            </a:r>
          </a:p>
        </p:txBody>
      </p:sp>
      <p:sp>
        <p:nvSpPr>
          <p:cNvPr id="466" name="OTLSHAPE_SLA_0d2dbc1ed30b4f539c4a4b4610d45b4b_Shape">
            <a:extLst>
              <a:ext uri="{FF2B5EF4-FFF2-40B4-BE49-F238E27FC236}">
                <a16:creationId xmlns:a16="http://schemas.microsoft.com/office/drawing/2014/main" id="{7CFDCB4F-BA73-49FD-8838-BD0D54749568}"/>
              </a:ext>
            </a:extLst>
          </p:cNvPr>
          <p:cNvSpPr/>
          <p:nvPr>
            <p:custDataLst>
              <p:tags r:id="rId220"/>
            </p:custDataLst>
          </p:nvPr>
        </p:nvSpPr>
        <p:spPr>
          <a:xfrm>
            <a:off x="4610852" y="4309914"/>
            <a:ext cx="228600" cy="254000"/>
          </a:xfrm>
          <a:prstGeom prst="chevron">
            <a:avLst>
              <a:gd name="adj" fmla="val 30000"/>
            </a:avLst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67" name="OTLSHAPE_SLA_b686ecd16cd04193bf72ba62cc8db071_Title" hidden="1">
            <a:extLst>
              <a:ext uri="{FF2B5EF4-FFF2-40B4-BE49-F238E27FC236}">
                <a16:creationId xmlns:a16="http://schemas.microsoft.com/office/drawing/2014/main" id="{95BB097D-DDC3-42B9-80B8-9B9F91AE312C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rgbClr val="222518"/>
                </a:solidFill>
                <a:latin typeface="Calibri" panose="020F0502020204030204" pitchFamily="34" charset="0"/>
              </a:rPr>
              <a:t>T2</a:t>
            </a:r>
          </a:p>
        </p:txBody>
      </p:sp>
      <p:sp>
        <p:nvSpPr>
          <p:cNvPr id="473" name="OTLSHAPE_SLA_b686ecd16cd04193bf72ba62cc8db071_Date" hidden="1">
            <a:extLst>
              <a:ext uri="{FF2B5EF4-FFF2-40B4-BE49-F238E27FC236}">
                <a16:creationId xmlns:a16="http://schemas.microsoft.com/office/drawing/2014/main" id="{1B22601B-78F4-4FC9-900E-17AEC19C6920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34931"/>
                </a:solidFill>
                <a:latin typeface="Calibri" panose="020F0502020204030204" pitchFamily="34" charset="0"/>
              </a:rPr>
              <a:t>Jul 20</a:t>
            </a:r>
          </a:p>
        </p:txBody>
      </p:sp>
      <p:sp>
        <p:nvSpPr>
          <p:cNvPr id="475" name="OTLSHAPE_SLA_b686ecd16cd04193bf72ba62cc8db071_Shape">
            <a:extLst>
              <a:ext uri="{FF2B5EF4-FFF2-40B4-BE49-F238E27FC236}">
                <a16:creationId xmlns:a16="http://schemas.microsoft.com/office/drawing/2014/main" id="{BF3E3841-F72B-4803-938F-4072784DDBE6}"/>
              </a:ext>
            </a:extLst>
          </p:cNvPr>
          <p:cNvSpPr/>
          <p:nvPr>
            <p:custDataLst>
              <p:tags r:id="rId223"/>
            </p:custDataLst>
          </p:nvPr>
        </p:nvSpPr>
        <p:spPr>
          <a:xfrm>
            <a:off x="5039223" y="4309914"/>
            <a:ext cx="228600" cy="254000"/>
          </a:xfrm>
          <a:prstGeom prst="chevron">
            <a:avLst>
              <a:gd name="adj" fmla="val 30000"/>
            </a:avLst>
          </a:prstGeom>
          <a:solidFill>
            <a:srgbClr val="D2840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84" name="OTLSHAPE_SLA_e1c8d611e8cd44029d0747333207b65d_Title" hidden="1">
            <a:extLst>
              <a:ext uri="{FF2B5EF4-FFF2-40B4-BE49-F238E27FC236}">
                <a16:creationId xmlns:a16="http://schemas.microsoft.com/office/drawing/2014/main" id="{E5F5D13F-1F51-48D9-AD39-B8FA3871760E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rgbClr val="222518"/>
                </a:solidFill>
                <a:latin typeface="Calibri" panose="020F0502020204030204" pitchFamily="34" charset="0"/>
              </a:rPr>
              <a:t>T3</a:t>
            </a:r>
          </a:p>
        </p:txBody>
      </p:sp>
      <p:sp>
        <p:nvSpPr>
          <p:cNvPr id="485" name="OTLSHAPE_SLA_e1c8d611e8cd44029d0747333207b65d_Date" hidden="1">
            <a:extLst>
              <a:ext uri="{FF2B5EF4-FFF2-40B4-BE49-F238E27FC236}">
                <a16:creationId xmlns:a16="http://schemas.microsoft.com/office/drawing/2014/main" id="{8C8517E5-2F40-462C-8C77-52B92719515C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34931"/>
                </a:solidFill>
                <a:latin typeface="Calibri" panose="020F0502020204030204" pitchFamily="34" charset="0"/>
              </a:rPr>
              <a:t>Jul 25</a:t>
            </a:r>
          </a:p>
        </p:txBody>
      </p:sp>
      <p:sp>
        <p:nvSpPr>
          <p:cNvPr id="486" name="OTLSHAPE_SLA_e1c8d611e8cd44029d0747333207b65d_Shape">
            <a:extLst>
              <a:ext uri="{FF2B5EF4-FFF2-40B4-BE49-F238E27FC236}">
                <a16:creationId xmlns:a16="http://schemas.microsoft.com/office/drawing/2014/main" id="{2024FB68-7CF7-43B9-AAAD-91D97838C0E3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5467595" y="4309914"/>
            <a:ext cx="228600" cy="254000"/>
          </a:xfrm>
          <a:prstGeom prst="chevron">
            <a:avLst>
              <a:gd name="adj" fmla="val 30000"/>
            </a:avLst>
          </a:prstGeom>
          <a:solidFill>
            <a:srgbClr val="AC6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87" name="OTLSHAPE_SLA_010f4d795af3404ab449cad7cec02b6c_Title" hidden="1">
            <a:extLst>
              <a:ext uri="{FF2B5EF4-FFF2-40B4-BE49-F238E27FC236}">
                <a16:creationId xmlns:a16="http://schemas.microsoft.com/office/drawing/2014/main" id="{15F733EC-2225-484E-AA4C-DD80FD577FAF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rgbClr val="222518"/>
                </a:solidFill>
                <a:latin typeface="Calibri" panose="020F0502020204030204" pitchFamily="34" charset="0"/>
              </a:rPr>
              <a:t>T1</a:t>
            </a:r>
          </a:p>
        </p:txBody>
      </p:sp>
      <p:sp>
        <p:nvSpPr>
          <p:cNvPr id="488" name="OTLSHAPE_SLA_010f4d795af3404ab449cad7cec02b6c_Date" hidden="1">
            <a:extLst>
              <a:ext uri="{FF2B5EF4-FFF2-40B4-BE49-F238E27FC236}">
                <a16:creationId xmlns:a16="http://schemas.microsoft.com/office/drawing/2014/main" id="{5B52E17D-F384-4895-8892-144132D5CD0C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34931"/>
                </a:solidFill>
                <a:latin typeface="Calibri" panose="020F0502020204030204" pitchFamily="34" charset="0"/>
              </a:rPr>
              <a:t>Sep 15</a:t>
            </a:r>
          </a:p>
        </p:txBody>
      </p:sp>
      <p:sp>
        <p:nvSpPr>
          <p:cNvPr id="489" name="OTLSHAPE_SLA_010f4d795af3404ab449cad7cec02b6c_Shape">
            <a:extLst>
              <a:ext uri="{FF2B5EF4-FFF2-40B4-BE49-F238E27FC236}">
                <a16:creationId xmlns:a16="http://schemas.microsoft.com/office/drawing/2014/main" id="{F3021A3C-5CD0-457E-98B5-C24783BEFDD3}"/>
              </a:ext>
            </a:extLst>
          </p:cNvPr>
          <p:cNvSpPr/>
          <p:nvPr>
            <p:custDataLst>
              <p:tags r:id="rId229"/>
            </p:custDataLst>
          </p:nvPr>
        </p:nvSpPr>
        <p:spPr>
          <a:xfrm>
            <a:off x="9922661" y="6054005"/>
            <a:ext cx="228600" cy="254000"/>
          </a:xfrm>
          <a:prstGeom prst="chevron">
            <a:avLst>
              <a:gd name="adj" fmla="val 30000"/>
            </a:avLst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90" name="OTLSHAPE_SLA_fb0d3c051b444fc3bd4f6535d78f46b0_Title" hidden="1">
            <a:extLst>
              <a:ext uri="{FF2B5EF4-FFF2-40B4-BE49-F238E27FC236}">
                <a16:creationId xmlns:a16="http://schemas.microsoft.com/office/drawing/2014/main" id="{D1C1823A-3B09-4CB6-B5C7-079DC4A66D50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rgbClr val="222518"/>
                </a:solidFill>
                <a:latin typeface="Calibri" panose="020F0502020204030204" pitchFamily="34" charset="0"/>
              </a:rPr>
              <a:t>T2</a:t>
            </a:r>
          </a:p>
        </p:txBody>
      </p:sp>
      <p:sp>
        <p:nvSpPr>
          <p:cNvPr id="491" name="OTLSHAPE_SLA_fb0d3c051b444fc3bd4f6535d78f46b0_Date" hidden="1">
            <a:extLst>
              <a:ext uri="{FF2B5EF4-FFF2-40B4-BE49-F238E27FC236}">
                <a16:creationId xmlns:a16="http://schemas.microsoft.com/office/drawing/2014/main" id="{45440669-9C02-4964-B391-63B54E103B21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3493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494" name="OTLSHAPE_SLA_fb0d3c051b444fc3bd4f6535d78f46b0_Shape">
            <a:extLst>
              <a:ext uri="{FF2B5EF4-FFF2-40B4-BE49-F238E27FC236}">
                <a16:creationId xmlns:a16="http://schemas.microsoft.com/office/drawing/2014/main" id="{9A4296F8-953D-4CD3-9FAC-883AC2A7699F}"/>
              </a:ext>
            </a:extLst>
          </p:cNvPr>
          <p:cNvSpPr/>
          <p:nvPr>
            <p:custDataLst>
              <p:tags r:id="rId232"/>
            </p:custDataLst>
          </p:nvPr>
        </p:nvSpPr>
        <p:spPr>
          <a:xfrm>
            <a:off x="10351033" y="6054005"/>
            <a:ext cx="228600" cy="254000"/>
          </a:xfrm>
          <a:prstGeom prst="chevron">
            <a:avLst>
              <a:gd name="adj" fmla="val 30000"/>
            </a:avLst>
          </a:prstGeom>
          <a:solidFill>
            <a:srgbClr val="D2840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97" name="OTLSHAPE_SLA_ff3b76a45a05483abcf7e2177b7e4e67_Title" hidden="1">
            <a:extLst>
              <a:ext uri="{FF2B5EF4-FFF2-40B4-BE49-F238E27FC236}">
                <a16:creationId xmlns:a16="http://schemas.microsoft.com/office/drawing/2014/main" id="{26025701-F882-4700-92F2-C2440DAB25A0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rgbClr val="222518"/>
                </a:solidFill>
                <a:latin typeface="Calibri" panose="020F0502020204030204" pitchFamily="34" charset="0"/>
              </a:rPr>
              <a:t>S3</a:t>
            </a:r>
          </a:p>
        </p:txBody>
      </p:sp>
      <p:sp>
        <p:nvSpPr>
          <p:cNvPr id="500" name="OTLSHAPE_SLA_ff3b76a45a05483abcf7e2177b7e4e67_Date" hidden="1">
            <a:extLst>
              <a:ext uri="{FF2B5EF4-FFF2-40B4-BE49-F238E27FC236}">
                <a16:creationId xmlns:a16="http://schemas.microsoft.com/office/drawing/2014/main" id="{35F2E11D-725D-4CEA-8E84-7716A2F89C04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34931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503" name="OTLSHAPE_SLA_ff3b76a45a05483abcf7e2177b7e4e67_Shape">
            <a:extLst>
              <a:ext uri="{FF2B5EF4-FFF2-40B4-BE49-F238E27FC236}">
                <a16:creationId xmlns:a16="http://schemas.microsoft.com/office/drawing/2014/main" id="{5A3D18A7-F7C4-4C40-B6CD-036662230959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10779404" y="6054005"/>
            <a:ext cx="228600" cy="254000"/>
          </a:xfrm>
          <a:prstGeom prst="chevron">
            <a:avLst>
              <a:gd name="adj" fmla="val 30000"/>
            </a:avLst>
          </a:prstGeom>
          <a:solidFill>
            <a:srgbClr val="AC6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50" name="TextBox 249">
            <a:extLst>
              <a:ext uri="{FF2B5EF4-FFF2-40B4-BE49-F238E27FC236}">
                <a16:creationId xmlns:a16="http://schemas.microsoft.com/office/drawing/2014/main" id="{395F385B-96D2-462F-B824-F0FC9E4F3C96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866668" y="33799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srgbClr val="222518"/>
                </a:solidFill>
                <a:latin typeface="+mj-lt"/>
              </a:rPr>
              <a:t>Agile Project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641345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OTdmNmI0MTUtYjgzMy00Mzc4LWI1OTEtYmFmNzVkYWVhMzM1IiwiU3RhcnREYXRlIjoiMjAyMi0wNi0wMVQwMDowMDowMFoiLCJFbmREYXRlIjoiMjAyMi0wNi0yOVQyMzo1OTowMFoiLCJQZXJjZW50YWdlQ29tcGxldGUiOm51bGwsIlN0eWxlIjp7IiRpZCI6IjciLCJTaGFwZSI6MC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nRydWUsIklzVW5kZXJsaW5lZCI6ZmFsc2UsIlBhcmVudFN0eWxlIjpudWxsfSwiQXV0b1NpemUiOjAsIkZvcmVncm91bmQiOnsiJGlkIjoiMTkiLCJDb2xvciI6eyIkaWQiOiIyMC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jU1LCJHIjoyNTUsIkIiOjI1N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1MCwiRyI6OTMsIkIiOjg5fX0sIklzVmlzaWJsZSI6dHJ1ZSwiV2lkdGgiOjAuMCwiSGVpZ2h0IjoxMC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yLCJGb250TmFtZSI6IkNhbGlicmkiLCJJc0JvbGQiOnRydWUsIklzSXRhbGljIjpmYWxzZSwiSXNVbmRlcmxpbmVkIjpmYWxzZSwiUGFyZW50U3R5bGUiOm51bGx9LCJBdXRvU2l6ZSI6MiwiRm9yZWdyb3VuZCI6eyIkaWQiOiI0MiIsIkNvbG9yIjp7IiRpZCI6IjQzIiwiQSI6MjU1LCJSIjoyNDIsIkciOjI0OCwiQiI6MjQ3fX0sIk1heFdpZHRoIjoxMjAwLjAsIk1heEhlaWdodCI6IkluZmluaXR5IiwiU21hcnRGb3JlZ3JvdW5kSXNBY3RpdmUiOmZhbHNlLCJIb3Jpem9udGFsQWxpZ25tZW50Ijox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4LCJGb250TmFtZSI6IkNhbGlicmkiLCJJc0JvbGQiOmZhbHNlLCJJc0l0YWxpYyI6ZmFsc2UsIklzVW5kZXJsaW5lZCI6ZmFsc2UsIlBhcmVudFN0eWxlIjpudWxsfSwiQXV0b1NpemUiOjAsIkZvcmVncm91bmQiOnsiJGlkIjoiNTEiLCJDb2xvciI6eyIkaWQiOiI1Mi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E1In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I1NSwiRyI6MjU1LCJCIjoyNTV9fSwiSXNWaXNpYmxlIjp0cnVlLCJXaWR0aCI6MC4wLCJIZWlnaHQiOjAuMCwiQm9yZGVyU3R5bGUiOnsiJGlkIjoiNzciLCJMaW5lQ29sb3IiOm51bGwsIkxpbmVXZWlnaHQiOjAuMCwiTGluZVR5cGUiOjAsIlBhcmVudFN0eWxlIjpudWxsfSwiUGFyZW50U3R5bGUiOm51bGx9LCJIb3Jpem9udGFsQ29ubmVjdG9yU3R5bGUiOnsiJGlkIjoiNzgiLCJMaW5lQ29sb3IiOnsiJHJlZiI6IjI3In0sIkxpbmVXZWlnaHQiOjEuMCwiTGluZVR5cGUiOjAsIlBhcmVudFN0eWxlIjpudWxsfSwiVmVydGljYWxDb25uZWN0b3JTdHlsZSI6eyIkaWQiOiI3OSIsIkxpbmVDb2xvciI6eyIkcmVmIjoiMzA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gsIkZvbnROYW1lIjoiQ2FsaWJyaSIsIklzQm9sZCI6ZmFsc2UsIklzSXRhbGljIjpmYWxzZSwiSXNVbmRlcmxpbmVkIjpmYWxzZSwiUGFyZW50U3R5bGUiOm51bGx9LCJBdXRvU2l6ZSI6MCwiRm9yZWdyb3VuZCI6eyIkaWQiOiI5NyIsIkNvbG9yIjp7IiRyZWYiOiI1MiJ9fSwiTWF4V2lkdGgiOjIwMC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HJlZiI6IjU1In0sIklzVmlzaWJsZSI6dHJ1ZSwiV2lkdGgiOjAuMCwiSGVpZ2h0IjowLjAsIkJvcmRlclN0eWxlIjp7IiRpZCI6IjEwMCIsIkxpbmVDb2xvciI6bnVsbCwiTGluZVdlaWdodCI6MC4wLCJMaW5lVHlwZSI6MCwiUGFyZW50U3R5bGUiOm51bGx9LCJQYXJlbnRTdHlsZSI6bnVsbH0sIkRhdGVGb3JtYXQiOnsiJGlkIjoiM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AsIlIiOjI1NSwiRyI6MjU1LCJCIjoyNTV9fSwiSXNWaXNpYmxlIjp0cnVlLCJXaWR0aCI6MC4wLCJIZWlnaHQiOjAuMCwiQm9yZGVyU3R5bGUiOm51bGwsIlBhcmVudFN0eWxlIjpudWxsfSwiRGF0ZUZvcm1hdCI6eyIkaWQiOiIx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cmVmIjoiMTUifX0sIklzVmlzaWJsZSI6dHJ1ZSwiV2lkdGgiOjAuMCwiSGVpZ2h0IjowLjAsIkJvcmRlclN0eWxlIjp7IiRpZCI6IjE2OCIsIkxpbmVDb2xvciI6bnVsbCwiTGluZVdlaWdodCI6MC4wLCJMaW5lVHlwZSI6MCwiUGFyZW50U3R5bGUiOm51bGx9LCJQYXJlbnRTdHlsZSI6bnVsbH0sIkhvcml6b250YWxDb25uZWN0b3JTdHlsZSI6eyIkaWQiOiIxNjkiLCJMaW5lQ29sb3IiOnsiJHJlZiI6IjI3In0sIkxpbmVXZWlnaHQiOjEuMCwiTGluZVR5cGUiOjAsIlBhcmVudFN0eWxlIjpudWxsfSwiVmVydGljYWxDb25uZWN0b3JTdHlsZSI6eyIkaWQiOiIxNzA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cmVmIjoiNTUifSwiSXNWaXNpYmxlIjp0cnVlLCJXaWR0aCI6MC4wLCJIZWlnaHQiOjAuMCwiQm9yZGVyU3R5bGUiOnsiJGlkIjoiMTkxIiwiTGluZUNvbG9yIjpudWxsLCJMaW5lV2VpZ2h0IjowLjAsIkxpbmVUeXBlIjowLCJQYXJlbnRTdHlsZSI6bnVsbH0sIlBhcmVudFN0eWxlIjpudWxsfSwiRGF0ZUZvcm1hdCI6eyIkaWQiOiIx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A3IiwiTWFyZ2luIjp7IiRyZWYiOiIxNzIifSwiUGFkZGluZyI6eyIkcmVmIjoiMTczIn0sIkJhY2tncm91bmQiOnsiJGlkIjoiMjA4IiwiQ29sb3IiOnsiJGlkIjoiMjA5IiwiQSI6MjU1LCJSIjo1OCwiRyI6MTQ2LCJCIjoxMjB9fSwiSXNWaXNpYmxlIjp0cnVlLCJXaWR0aCI6MC4wLCJIZWlnaHQiOjEwLjAsIkJvcmRlclN0eWxlIjp7IiRpZCI6IjIxMCIsIkxpbmVDb2xvciI6eyIkcmVmIjoiMzgifSwiTGluZVdlaWdodCI6MC4wLCJMaW5lVHlwZSI6MCwiUGFyZW50U3R5bGUiOm51bGx9LCJQYXJlbnRTdHlsZSI6bnVsbH0sIlRpdGx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MjQzIiwiQ29sb3IiOnsiJGlkIjoiMjQ0IiwiQSI6MCwiUiI6MjU1LCJHIjoyNTUsIkIiOjI1NX1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I1NyIsIkxpbmVDb2xvciI6bnVsbCwiTGluZVdlaWdodCI6MC4wLCJMaW5lVHlwZSI6MCwiUGFyZW50U3R5bGUiOm51bGx9LCJQYXJlbnRTdHlsZSI6bnVsbH0sIkR1cmF0aW9uU3R5bGUiOnsiJGlkIjoiMjU4IiwiRm9udFNldHRpbmdzIjp7IiRpZCI6IjI1OS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MjYwIiwiTGluZUNvbG9yIjpudWxsLCJMaW5lV2VpZ2h0IjowLjAsIkxpbmVUeXBlIjowLCJQYXJlbnRTdHlsZSI6bnVsbH0sIlBhcmVudFN0eWxlIjpudWxsfSwiSG9yaXpvbnRhbENvbm5lY3RvclN0eWxlIjp7IiRpZCI6IjI2MSIsIkxpbmVDb2xvciI6eyIkcmVmIjoiMjcifSwiTGluZVdlaWdodCI6MS4wLCJMaW5lVHlwZSI6MCwiUGFyZW50U3R5bGUiOm51bGx9LCJWZXJ0aWNhbENvbm5lY3RvclN0eWxlIjp7IiRpZCI6IjI2M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MjcxIiwiQ29sb3IiOnsiJGlkIjoiMjcyIiwiQSI6MCwiUiI6MjU1LCJHIjoyNTUsIkIiOjI1NX19LCJJc1Zpc2libGUiOnRydWUsIldpZHRoIjowLjAsIkhlaWdodCI6MC4wLCJCb3JkZXJTdHlsZSI6eyIkaWQiOiIyNzMiLCJMaW5lQ29sb3IiOm51bGwsIkxpbmVXZWlnaHQiOjAuMCwiTGluZVR5cGUiOjAsIlBhcmVudFN0eWxlIjpudWxsfSwiUGFyZW50U3R5bGUiOm51bGx9LCJEYXRlU3R5bGUiOnsiJGlkIjoiMjc0IiwiRm9udFNldHRpbmdzIjp7IiRpZCI6IjI3NS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I4NSIsIkxpbmVDb2xvciI6bnVsbCwiTGluZVdlaWdodCI6MC4wLCJMaW5lVHlwZSI6MCwiUGFyZW50U3R5bGUiOm51bGx9LCJQYXJlbnRTdHlsZSI6bnVsbH0sIkR1cmF0aW9uU3R5bGUiOnsiJGlkIjoiMjg2IiwiRm9udFNldHRpbmdzIjp7IiRpZCI6IjI4Ny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Mjg4IiwiTGluZUNvbG9yIjpudWxsLCJMaW5lV2VpZ2h0IjowLjAsIkxpbmVUeXBlIjowLCJQYXJlbnRTdHlsZSI6bnVsbH0sIlBhcmVudFN0eWxlIjpudWxsfSwiSG9yaXpvbnRhbENvbm5lY3RvclN0eWxlIjp7IiRpZCI6IjI4OSIsIkxpbmVDb2xvciI6eyIkcmVmIjoiMjcifSwiTGluZVdlaWdodCI6MS4wLCJMaW5lVHlwZSI6MCwiUGFyZW50U3R5bGUiOm51bGx9LCJWZXJ0aWNhbENvbm5lY3RvclN0eWxlIjp7IiRpZCI6IjI5M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Mjk5IiwiQ29sb3IiOnsiJGlkIjoiMzAwIiwiQSI6MCwiUiI6MjU1LCJHIjoyNTUsIkIiOjI1NX19LCJJc1Zpc2libGUiOnRydWUsIldpZHRoIjowLjAsIkhlaWdodCI6MC4wLCJCb3JkZXJTdHlsZSI6eyIkaWQiOiIzMDEiLCJMaW5lQ29sb3IiOm51bGwsIkxpbmVXZWlnaHQiOjAuMCwiTGluZVR5cGUiOjAsIlBhcmVudFN0eWxlIjpudWxsfSwiUGFyZW50U3R5bGUiOm51bGx9LCJEYXRlU3R5bGUiOnsiJGlkIjoiMzAyIiwiRm9udFNldHRpbmdzIjp7IiRpZCI6IjMwMy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MxMyIsIkxpbmVDb2xvciI6bnVsbCwiTGluZVdlaWdodCI6MC4wLCJMaW5lVHlwZSI6MCwiUGFyZW50U3R5bGUiOm51bGx9LCJQYXJlbnRTdHlsZSI6bnVsbH0sIkR1cmF0aW9uU3R5bGUiOnsiJGlkIjoiMzE0IiwiRm9udFNldHRpbmdzIjp7IiRpZCI6IjMxNS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MzE2IiwiTGluZUNvbG9yIjpudWxsLCJMaW5lV2VpZ2h0IjowLjAsIkxpbmVUeXBlIjowLCJQYXJlbnRTdHlsZSI6bnVsbH0sIlBhcmVudFN0eWxlIjpudWxsfSwiSG9yaXpvbnRhbENvbm5lY3RvclN0eWxlIjp7IiRpZCI6IjMxNyIsIkxpbmVDb2xvciI6eyIkcmVmIjoiMjcifSwiTGluZVdlaWdodCI6MS4wLCJMaW5lVHlwZSI6MCwiUGFyZW50U3R5bGUiOm51bGx9LCJWZXJ0aWNhbENvbm5lY3RvclN0eWxlIjp7IiRpZCI6IjMxO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g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4LCJGb250TmFtZSI6IkNhbGlicmkiLCJJc0JvbGQiOmZhbHNlLCJJc0l0YWxpYyI6ZmFsc2UsIklzVW5kZXJsaW5lZCI6ZmFsc2UsIlBhcmVudFN0eWxlIjpudWxsfSwiQXV0b1NpemUiOjAsIkZvcmVncm91bmQiOnsiJGlkIjoiNDY0IiwiQ29sb3IiOnsiJHJlZiI6IjUyIn19LCJNYXhXaWR0aCI6MjAwLjAsIk1heEhlaWdodCI6IkluZmluaXR5IiwiU21hcnRGb3JlZ3JvdW5kSXNBY3RpdmUiOmZhbHNlLCJIb3Jpem9udGFsQWxpZ25tZW50Ijow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yZWYiOiI1NSJ9LCJJc1Zpc2libGUiOmZhbHNlLCJXaWR0aCI6MC4wLCJIZWlnaHQiOjAuMCwiQm9yZGVyU3R5bGUiOnsiJGlkIjoiNDY3IiwiTGluZUNvbG9yIjpudWxsLCJMaW5lV2VpZ2h0IjowLjAsIkxpbmVUeXBlIjowLCJQYXJlbnRTdHlsZSI6bnVsbH0sIlBhcmVudFN0eWxlIjpudWxsfSwiRGF0ZUZvcm1hdCI6eyIkaWQiOiI0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TM5IiwiVG9wIjowLjAsIkxlZnQiOjAuMCwiUmlnaHQiOjAuMCwiQm90dG9tIjowLjB9LCJQYWRkaW5nIjp7IiRpZCI6IjU0MCIsIlRvcCI6MC4wLCJMZWZ0IjowLjAsIlJpZ2h0IjowLjAsIkJvdHRvbSI6MC4wfSwiQmFja2dyb3VuZCI6eyIkaWQiOiI1NDEiLCJDb2xvciI6eyIkaWQiOiI1NDIiLCJBIjo4OSwiUiI6MCwiRyI6MCwiQiI6MH1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MTAsIkZvbnROYW1lIjoiQ2FsaWJyaSIsIklzQm9sZCI6ZmFsc2UsIklzSXRhbGljIjp0cnVlLCJJc1VuZGVybGluZWQiOmZhbHNlLCJQYXJlbnRTdHlsZSI6bnVsbH0sIkF1dG9TaXplIjowLCJGb3JlZ3JvdW5kIjp7IiRpZCI6IjU0NiIsIkNvbG9yIjp7IiRpZCI6IjU0Ny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SG9yaXpvbnRhbENvbm5lY3RvclN0eWxlIjp7IiRpZCI6IjU1MyIsIkxpbmVDb2xvciI6eyIkcmVmIjoiMjcifSwiTGluZVdlaWdodCI6MS4wLCJMaW5lVHlwZSI6MCwiUGFyZW50U3R5bGUiOm51bGx9LCJWZXJ0aWNhbENvbm5lY3RvclN0eWxlIjp7IiRpZCI6IjU1NCIsIkxpbmVDb2xvciI6eyIkcmVmIjoiMzA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NTc0IiwiVG9wIjowLjAsIkxlZnQiOjAuMCwiUmlnaHQiOjAuMCwiQm90dG9tIjowLjB9LCJQYWRkaW5nIjp7IiRpZCI6IjU3NSIsIlRvcCI6MC4wLCJMZWZ0IjowLjAsIlJpZ2h0IjowLjAsIkJvdHRvbSI6MC4wfSwiQmFja2dyb3VuZCI6eyIkcmVmIjoiNTUifSwiSXNWaXNpYmxlIjp0cnVlLCJXaWR0aCI6MC4wLCJIZWlnaHQiOjAuMCwiQm9yZGVyU3R5bGUiOnsiJGlkIjoiNTc2IiwiTGluZUNvbG9yIjpudWxsLCJMaW5lV2VpZ2h0IjowLjAsIkxpbmVUeXBlIjowLCJQYXJlbnRTdHlsZSI6bnVsbH0sIlBhcmVudFN0eWxlIjpudWxsfSwiRGF0ZUZvcm1hdCI6eyIkaWQiOiI1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AsIlIiOjI1NSwiRyI6MjU1LCJCIjoyNTV9fSwiSXNWaXNpYmxlIjp0cnVlLCJXaWR0aCI6MC4wLCJIZWlnaHQiOjAuMCwiQm9yZGVyU3R5bGUiOnsiJGlkIjoiNjAwIiwiTGluZUNvbG9yIjpudWxsLCJMaW5lV2VpZ2h0IjowLjAsIkxpbmVUeXBlIjowLCJQYXJlbnRTdHlsZSI6bnVsbH0sIlBhcmVudFN0eWxlIjpudWxsfSwiSG9yaXpvbnRhbENvbm5lY3RvclN0eWxlIjp7IiRpZCI6IjYwMSIsIkxpbmVDb2xvciI6eyIkcmVmIjoiMjcifSwiTGluZVdlaWdodCI6MS4wLCJMaW5lVHlwZSI6MCwiUGFyZW50U3R5bGUiOm51bGx9LCJWZXJ0aWNhbENvbm5lY3RvclN0eWxlIjp7IiRpZCI6IjYwMiIsIkxpbmVDb2xvciI6eyIkcmVmIjoiMzA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Y3MyIsIkxpbmVDb2xvciI6bnVsbCwiTGluZVdlaWdodCI6MC4wLCJMaW5lVHlwZSI6MCwiUGFyZW50U3R5bGUiOm51bGx9LCJQYXJlbnRTdHlsZSI6bnVsbH0sIkR1cmF0aW9uU3R5bGUiOnsiJGlkIjoiNjc0IiwiRm9udFNldHRpbmdzIjp7IiRpZCI6IjY3NS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Njc2IiwiTGluZUNvbG9yIjpudWxsLCJMaW5lV2VpZ2h0IjowLjAsIkxpbmVUeXBlIjowLCJQYXJlbnRTdHlsZSI6bnVsbH0sIlBhcmVudFN0eWxlIjpudWxsfSwiSG9yaXpvbnRhbENvbm5lY3RvclN0eWxlIjp7IiRpZCI6IjY3NyIsIkxpbmVDb2xvciI6eyIkcmVmIjoiMjcifSwiTGluZVdlaWdodCI6MS4wLCJMaW5lVHlwZSI6MCwiUGFyZW50U3R5bGUiOm51bGx9LCJWZXJ0aWNhbENvbm5lY3RvclN0eWxlIjp7IiRpZCI6IjY3O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Njg3IiwiQ29sb3IiOnsiJGlkIjoiNjg4IiwiQSI6MCwiUiI6MjU1LCJHIjoyNTUsIkIiOjI1NX19LCJJc1Zpc2libGUiOnRydWUsIldpZHRoIjowLjAsIkhlaWdodCI6MC4wLCJCb3JkZXJTdHlsZSI6eyIkaWQiOiI2ODkiLCJMaW5lQ29sb3IiOm51bGwsIkxpbmVXZWlnaHQiOjAuMCwiTGluZVR5cGUiOjAsIlBhcmVudFN0eWxlIjpudWxsfSwiUGFyZW50U3R5bGUiOm51bGx9LCJEYXRlU3R5bGUiOnsiJGlkIjoiNjkwIiwiRm9udFNldHRpbmdzIjp7IiRpZCI6IjY5MS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cwMSIsIkxpbmVDb2xvciI6bnVsbCwiTGluZVdlaWdodCI6MC4wLCJMaW5lVHlwZSI6MCwiUGFyZW50U3R5bGUiOm51bGx9LCJQYXJlbnRTdHlsZSI6bnVsbH0sIkR1cmF0aW9uU3R5bGUiOnsiJGlkIjoiNzAyIiwiRm9udFNldHRpbmdzIjp7IiRpZCI6IjcwMy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NzA0IiwiTGluZUNvbG9yIjpudWxsLCJMaW5lV2VpZ2h0IjowLjAsIkxpbmVUeXBlIjowLCJQYXJlbnRTdHlsZSI6bnVsbH0sIlBhcmVudFN0eWxlIjpudWxsfSwiSG9yaXpvbnRhbENvbm5lY3RvclN0eWxlIjp7IiRpZCI6IjcwNSIsIkxpbmVDb2xvciI6eyIkcmVmIjoiMjcifSwiTGluZVdlaWdodCI6MS4wLCJMaW5lVHlwZSI6MCwiUGFyZW50U3R5bGUiOm51bGx9LCJWZXJ0aWNhbENvbm5lY3RvclN0eWxlIjp7IiRpZCI6IjcwN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DciLCJNYXJnaW4iOnsiJHJlZiI6IjE3MiJ9LCJQYWRkaW5nIjp7IiRyZWYiOiIxNzMifSwiQmFja2dyb3VuZCI6eyIkaWQiOiI3MDgiLCJDb2xvciI6eyIkaWQiOiI3MDkiLCJBIjoyNTUsIlIiOjU4LCJHIjoxNDYsIkIiOjEyMH19LCJJc1Zpc2libGUiOnRydWUsIldpZHRoIjowLjAsIkhlaWdodCI6MTAuMCwiQm9yZGVyU3R5bGUiOnsiJGlkIjoiNzEwIiwiTGluZUNvbG9yIjp7IiRyZWYiOiIzOCJ9LCJMaW5lV2VpZ2h0IjowLjAsIkxpbmVUeXBlIjowLCJQYXJlbnRTdHlsZSI6bnVsbH0sIlBhcmVudFN0eWxlIjpudWxsfSwiVGl0b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NzE1IiwiQ29sb3IiOnsiJGlkIjoiNzE2IiwiQSI6MCwiUiI6MjU1LCJHIjoyNTUsIkIiOjI1NX19LCJJc1Zpc2libGUiOnRydWUsIldpZHRoIjowLjAsIkhlaWdodCI6MC4wLCJCb3JkZXJTdHlsZSI6eyIkaWQiOiI3MTciLCJMaW5lQ29sb3IiOm51bGwsIkxpbmVXZWlnaHQiOjAuMCwiTGluZVR5cGUiOjAsIlBhcmVudFN0eWxlIjpudWxsfSwiUGFyZW50U3R5bGUiOm51bGx9LCJEYXRlU3R5bGUiOnsiJGlkIjoiNzE4IiwiRm9udFNldHRpbmdzIjp7IiRpZCI6IjcxOS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cyOSIsIkxpbmVDb2xvciI6bnVsbCwiTGluZVdlaWdodCI6MC4wLCJMaW5lVHlwZSI6MCwiUGFyZW50U3R5bGUiOm51bGx9LCJQYXJlbnRTdHlsZSI6bnVsbH0sIkR1cmF0aW9uU3R5bGUiOnsiJGlkIjoiNzMwIiwiRm9udFNldHRpbmdzIjp7IiRpZCI6IjczMS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NzMyIiwiTGluZUNvbG9yIjpudWxsLCJMaW5lV2VpZ2h0IjowLjAsIkxpbmVUeXBlIjowLCJQYXJlbnRTdHlsZSI6bnVsbH0sIlBhcmVudFN0eWxlIjpudWxsfSwiSG9yaXpvbnRhbENvbm5lY3RvclN0eWxlIjp7IiRpZCI6IjczMyIsIkxpbmVDb2xvciI6eyIkcmVmIjoiMjcifSwiTGluZVdlaWdodCI6MS4wLCJMaW5lVHlwZSI6MCwiUGFyZW50U3R5bGUiOm51bGx9LCJWZXJ0aWNhbENvbm5lY3RvclN0eWxlIjp7IiRpZCI6IjczN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NzcxIiwiQ29sb3IiOnsiJGlkIjoiNzcyIiwiQSI6MCwiUiI6MjU1LCJHIjoyNTUsIkIiOjI1NX19LCJJc1Zpc2libGUiOnRydWUsIldpZHRoIjowLjAsIkhlaWdodCI6MC4wLCJCb3JkZXJTdHlsZSI6eyIkaWQiOiI3NzMiLCJMaW5lQ29sb3IiOm51bGwsIkxpbmVXZWlnaHQiOjAuMCwiTGluZVR5cGUiOjAsIlBhcmVudFN0eWxlIjpudWxsfSwiUGFyZW50U3R5bGUiOm51bGx9LCJEYXRlU3R5bGUiOnsiJGlkIjoiNzc0IiwiRm9udFNldHRpbmdzIjp7IiRpZCI6Ijc3NS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c4NSIsIkxpbmVDb2xvciI6bnVsbCwiTGluZVdlaWdodCI6MC4wLCJMaW5lVHlwZSI6MCwiUGFyZW50U3R5bGUiOm51bGx9LCJQYXJlbnRTdHlsZSI6bnVsbH0sIkR1cmF0aW9uU3R5bGUiOnsiJGlkIjoiNzg2IiwiRm9udFNldHRpbmdzIjp7IiRpZCI6Ijc4Ny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Nzg4IiwiTGluZUNvbG9yIjpudWxsLCJMaW5lV2VpZ2h0IjowLjAsIkxpbmVUeXBlIjowLCJQYXJlbnRTdHlsZSI6bnVsbH0sIlBhcmVudFN0eWxlIjpudWxsfSwiSG9yaXpvbnRhbENvbm5lY3RvclN0eWxlIjp7IiRpZCI6Ijc4OSIsIkxpbmVDb2xvciI6eyIkcmVmIjoiMjcifSwiTGluZVdlaWdodCI6MS4wLCJMaW5lVHlwZSI6MCwiUGFyZW50U3R5bGUiOm51bGx9LCJWZXJ0aWNhbENvbm5lY3RvclN0eWxlIjp7IiRpZCI6Ijc5M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I3In0sIkxpbmVXZWlnaHQiOjEuMCwiTGluZVR5cGUiOjAsIlBhcmVudFN0eWxlIjpudWxsfSwiVmVydGljYWxDb25uZWN0b3JTdHlsZSI6eyIkaWQiOiI4MTg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ODI3IiwiQ29sb3IiOnsiJGlkIjoiODI4IiwiQSI6MCwiUiI6MjU1LCJHIjoyNTUsIkIiOjI1NX19LCJJc1Zpc2libGUiOnRydWUsIldpZHRoIjowLjAsIkhlaWdodCI6MC4wLCJCb3JkZXJTdHlsZSI6eyIkaWQiOiI4MjkiLCJMaW5lQ29sb3IiOm51bGwsIkxpbmVXZWlnaHQiOjAuMCwiTGluZVR5cGUiOjAsIlBhcmVudFN0eWxlIjpudWxsfSwiUGFyZW50U3R5bGUiOm51bGx9LCJEYXRlU3R5bGUiOnsiJGlkIjoiODMwIiwiRm9udFNldHRpbmdzIjp7IiRpZCI6IjgzMS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kiLCJGb3JtYXQiOjAsIklzVmlzaWJsZSI6ZmFsc2UsIkxhc3RLbm93blZpc2liaWxpdHlTdGF0ZSI6ZmFsc2V9LCJJc1Zpc2libGUiOnRydWUsIlBhcmVudFN0eWxlIjpudWxsfSwiRGVmYXVsdFRhc2tTdHlsZSI6eyIkaWQiOiIxMDkwIiwiU2hhcGUiOjAsIlNoYXBlVGhpY2tuZXNzIjowLCJEdXJhdGlvbkZvcm1hdCI6MCwiSW5jbHVkZU5vbldvcmtpbmdEYXlzSW5EdXJhdGlvbiI6ZmFsc2UsIlBlcmNlbnRhZ2VDb21wbGV0ZVN0eWxlIjp7IiRpZCI6IjEwOTEiLCJGb250U2V0dGluZ3MiOnsiJGlkIjoiMTA5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HJlZiI6IjE1In19LCJJc1Zpc2libGUiOnRydWUsIldpZHRoIjowLjAsIkhlaWdodCI6MC4wLCJCb3JkZXJTdHlsZSI6bnVsbCwiUGFyZW50U3R5bGUiOm51bGx9LCJEYXRlU3R5bGUiOnsiJGlkIjoiMTExNiIsIkZvbnRTZXR0aW5ncyI6eyIkaWQiOiIxMTE3IiwiRm9udFNpemUiOjg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AsIlZlcnRpY2FsQWxpZ25tZW50IjowLCJTbWFydEZvcmVncm91bmQiOm51bGwsIkJhY2tncm91bmRGaWxsVHlwZSI6MCwiTWFyZ2luIjp7IiRpZCI6IjExMTgiLCJUb3AiOjAuMCwiTGVmdCI6MC4wLCJSaWdodCI6MC4wLCJCb3R0b20iOjAuMH0sIlBhZGRpbmciOnsiJGlkIjoiMTExOSIsIlRvcCI6MC4wLCJMZWZ0IjowLjAsIlJpZ2h0IjowLjAsIkJvdHRvbSI6MC4wfSwiQmFja2dyb3VuZCI6eyIkcmVmIjoiNTUifSwiSXNWaXNpYmxlIjp0cnVlLCJXaWR0aCI6MC4wLCJIZWlnaHQiOjAuMCwiQm9yZGVyU3R5bGUiOm51bGwsIlBhcmVudFN0eWxlIjpudWxsfSwiRGF0ZUZvcm1hdCI6eyIkaWQiOiIxM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jEiLCJGb3JtYXQiOjAsIklzVmlzaWJsZSI6ZmFsc2UsIkxhc3RLbm93blZpc2liaWxpdHlTdGF0ZSI6ZmFsc2V9LCJJc1Zpc2libGUiOnRydWUsIlBhcmVudFN0eWxlIjpudWxsLCJfZXhwbGljaXRseVNldCI6eyIkaWQiOiIx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U3In0sIlBhZGRpbmciOnsiJHJlZiI6IjM1OCJ9LCJCYWNrZ3JvdW5kIjp7IiRpZCI6IjEzNDEiLCJDb2xvciI6eyIkaWQiOiIxMzQyIiwiQSI6MCwiUiI6MjU1LCJHIjoyNTUsIkIiOjI1NX19LCJJc1Zpc2libGUiOnRydWUsIldpZHRoIjowLjAsIkhlaWdodCI6MC4wLCJCb3JkZXJTdHlsZSI6eyIkaWQiOiIxMzQzIiwiTGluZUNvbG9yIjpudWxsLCJMaW5lV2VpZ2h0IjowLjAsIkxpbmVUeXBlIjowLCJQYXJlbnRTdHlsZSI6bnVsbH0sIlBhcmVudFN0eWxlIjpudWxsfSwiRGF0ZV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EwIiwiVXNlVGltZSI6dHJ1ZSwiV29ya0RheVN0YXJ0IjoiMDA6MDA6MDAiLCJXb3JrRGF5RW5kIjoiMjM6NTk6MDAifSwiTGFzdFVzZWRUZW1wbGF0ZUlkIjoiYjg5ZmFmODAtMDQ4ZS00NTljLWI2NmUtMDgxYWY2ZTQ4NTc3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Custom"/>
  <p:tag name="OTLTIMEBANDTHREEDEFFECTS" val="None"/>
  <p:tag name="OTLTIMEBANDAUTODATERANGE" val="True"/>
  <p:tag name="OTLTIMEBANDSTARTDATE" val="2016-05-23T00:00:00.0000000Z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2-09-29T23:59:00.0000000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1"/>
  <p:tag name="OTLPOSITIONONTASK" val="None"/>
  <p:tag name="OTLRELATEDTASKID" val="00000000-0000-0000-0000-000000000000"/>
  <p:tag name="OTLWEEKNUMBERINGFORMAT" val="WNFormat1"/>
  <p:tag name="OTLWEEKNUMBERINGISVISIBLE" val="False"/>
  <p:tag name="OTLDATE" val="2022-07-29T23:59:00.0000000"/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2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9T23:59:00.0000000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6-30T23:59:00.0000000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8-31T23:59:00.0000000"/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 R1"/>
  <p:tag name="OTLPOSITIONONTASK" val="None"/>
  <p:tag name="OTLRELATEDTASKID" val="00000000-0000-0000-0000-000000000000"/>
  <p:tag name="OTLWEEKNUMBERINGFORMAT" val="WNFormat1"/>
  <p:tag name="OTLWEEKNUMBERINGISVISIBLE" val="False"/>
  <p:tag name="OTLDATE" val="2022-07-23T23:59:00.0000000"/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 R2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0T23:59:00.0000000"/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-Off"/>
  <p:tag name="OTLPOSITIONONTASK" val="None"/>
  <p:tag name="OTLRELATEDTASKID" val="00000000-0000-0000-0000-000000000000"/>
  <p:tag name="OTLWEEKNUMBERINGFORMAT" val="WNFormat1"/>
  <p:tag name="OTLWEEKNUMBERINGISVISIBLE" val="False"/>
  <p:tag name="OTLDATE" val="2022-06-01T23:59:00.0000000"/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rategy Meeting"/>
  <p:tag name="OTLPOSITIONONTASK" val="None"/>
  <p:tag name="OTLRELATEDTASKID" val="00000000-0000-0000-0000-000000000000"/>
  <p:tag name="OTLWEEKNUMBERINGFORMAT" val="WNFormat1"/>
  <p:tag name="OTLWEEKNUMBERINGISVISIBLE" val="False"/>
  <p:tag name="OTLDATE" val="2022-07-29T23:59:00.0000000"/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rategy Meeting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9T23:59:00.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2-06-01T00:00:00.0000000Z"/>
  <p:tag name="OTLENDDATE" val="2022-06-29T23:59:00.0000000Z"/>
  <p:tag name="OTLSPACING" val="3"/>
  <p:tag name="OTLSHAPETHICKNESSTYPE" val="Thin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7-01T00:00:00.0000000Z"/>
  <p:tag name="OTLENDDATE" val="2022-07-29T23:59:00.0000000Z"/>
  <p:tag name="OTLSHAPETHICKNESSTYPE" val="Thin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1"/>
  <p:tag name="OTLDATE" val="2022-07-15T23:59:00.0000000"/>
  <p:tag name="OTLPOSITIONONTASK" val="Center"/>
  <p:tag name="OTLRELATEDTASKID" val="6d6be110-b01f-4214-8831-f9d5e736b478"/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2"/>
  <p:tag name="OTLDATE" val="2022-07-20T23:59:00.0000000"/>
  <p:tag name="OTLPOSITIONONTASK" val="Center"/>
  <p:tag name="OTLRELATEDTASKID" val="6d6be110-b01f-4214-8831-f9d5e736b478"/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3"/>
  <p:tag name="OTLDATE" val="2022-07-25T23:59:00.0000000"/>
  <p:tag name="OTLPOSITIONONTASK" val="Center"/>
  <p:tag name="OTLRELATEDTASKID" val="6d6be110-b01f-4214-8831-f9d5e736b478"/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1"/>
  <p:tag name="OTLDATE" val="2022-09-15T23:59:00.0000000"/>
  <p:tag name="OTLPOSITIONONTASK" val="Center"/>
  <p:tag name="OTLRELATEDTASKID" val="ad9b37af-a356-4cfa-9200-5eda350aded8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2-06-01T00:00:00.0000000Z"/>
  <p:tag name="OTLENDDATE" val="2022-07-29T23:59:00.0000000Z"/>
  <p:tag name="OTLSPACING" val="3"/>
  <p:tag name="OTLSHAPETHICKNESSTYPE" val="Thin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2"/>
  <p:tag name="OTLDATE" val="2022-09-20T23:59:00.0000000"/>
  <p:tag name="OTLPOSITIONONTASK" val="Center"/>
  <p:tag name="OTLRELATEDTASKID" val="ad9b37af-a356-4cfa-9200-5eda350aded8"/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3"/>
  <p:tag name="OTLDATE" val="2022-09-25T23:59:00.0000000"/>
  <p:tag name="OTLPOSITIONONTASK" val="Center"/>
  <p:tag name="OTLRELATEDTASKID" val="ad9b37af-a356-4cfa-9200-5eda350aded8"/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2-08-01T00:00:00.0000000Z"/>
  <p:tag name="OTLENDDATE" val="2022-08-30T23:59:00.0000000Z"/>
  <p:tag name="OTLSPACING" val="3"/>
  <p:tag name="OTLSHAPETHICKNESSTYPE" val="Thin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9-01T00:00:00.0000000Z"/>
  <p:tag name="OTLENDDATE" val="2022-09-29T23:59:00.0000000Z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2-08-01T00:00:00.0000000Z"/>
  <p:tag name="OTLENDDATE" val="2022-09-29T23:59:00.0000000Z"/>
  <p:tag name="OTLSPACING" val="3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7-01T00:00:00.0000000Z"/>
  <p:tag name="OTLENDDATE" val="2022-07-11T08:06:00.0000000Z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7-10T17:00:00.0000000Z"/>
  <p:tag name="OTLENDDATE" val="2022-07-20T15:06:00.0000000Z"/>
  <p:tag name="OTLSHAPETHICKNESSTYPE" val="Thin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7-20T00:29:00.0000000Z"/>
  <p:tag name="OTLENDDATE" val="2022-07-29T23:59:00.0000000Z"/>
  <p:tag name="OTLSHAPETHICKNESSTYPE" val="Thin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2-08-01T00:00:00.0000000Z"/>
  <p:tag name="OTLENDDATE" val="2022-08-11T11:38:00.0000000Z"/>
  <p:tag name="OTLSPACING" val="3"/>
  <p:tag name="OTLSHAPETHICKNESSTYPE" val="Thin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9-01T00:00:00.0000000Z"/>
  <p:tag name="OTLENDDATE" val="2022-09-11T02:43:00.0000000Z"/>
  <p:tag name="OTLSHAPETHICKNESSTYP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9-10T11:13:00.0000000Z"/>
  <p:tag name="OTLENDDATE" val="2022-09-20T15:05:00.0000000Z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8-10T20:08:00.0000000Z"/>
  <p:tag name="OTLENDDATE" val="2022-08-21T12:02:00.0000000Z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2-09-19T22:35:00.0000000Z"/>
  <p:tag name="OTLENDDATE" val="2022-09-29T23:59:00.0000000Z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8-20T18:45:00.0000000Z"/>
  <p:tag name="OTLENDDATE" val="2022-08-30T23:59:00.0000000Z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WEEKNUMBERINGFORMAT" val="WNFormat1"/>
  <p:tag name="OTLWEEKNUMBERINGISVISIBLE" val="False"/>
  <p:tag name="OTLSTARTDATE" val="2022-06-01T00:00:00.0000000Z"/>
  <p:tag name="OTLENDDATE" val="2022-06-10T22:12:00.0000000Z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6-10T03:11:00.0000000Z"/>
  <p:tag name="OTLENDDATE" val="2022-06-20T15:09:00.0000000Z"/>
  <p:tag name="OTLSHAPETHICKNESSTYPE" val="Thin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6-19T21:10:00.0000000Z"/>
  <p:tag name="OTLENDDATE" val="2022-06-29T23:59:00.0000000Z"/>
  <p:tag name="OTLSHAPETHICKNESSTYPE" val="Thin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Agile Project Plan"/>
  <p:tag name="OTLDATE" val="2022-06-29T23:59:00.0000000"/>
  <p:tag name="OTLPOSITIONONTASK" val="None"/>
  <p:tag name="OTLRELATEDTASKID" val="00000000-0000-0000-0000-00000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Agile Project Plan"/>
  <p:tag name="OTLDATE" val="2022-07-29T23:59:00.0000000"/>
  <p:tag name="OTLPOSITIONONTASK" val="None"/>
  <p:tag name="OTLRELATEDTASKID" val="00000000-0000-0000-0000-00000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Agile Project Plan"/>
  <p:tag name="OTLDATE" val="2022-08-30T23:59:00.0000000"/>
  <p:tag name="OTLPOSITIONONTASK" val="None"/>
  <p:tag name="OTLRELATEDTASKID" val="00000000-0000-0000-0000-0000000000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Agile Project Plan"/>
  <p:tag name="OTLDATE" val="2022-09-29T23:59:00.0000000"/>
  <p:tag name="OTLPOSITIONONTASK" val="None"/>
  <p:tag name="OTLRELATEDTASKID" val="00000000-0000-0000-0000-00000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312</TotalTime>
  <Words>367</Words>
  <Application>Microsoft Office PowerPoint</Application>
  <PresentationFormat>Widescreen</PresentationFormat>
  <Paragraphs>11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cp:lastModifiedBy>Andreea Alexandrov</cp:lastModifiedBy>
  <cp:revision>1</cp:revision>
  <dcterms:created xsi:type="dcterms:W3CDTF">2021-01-04T08:19:53Z</dcterms:created>
  <dcterms:modified xsi:type="dcterms:W3CDTF">2022-06-23T12:23:22Z</dcterms:modified>
</cp:coreProperties>
</file>